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sharedStrings.xml" ContentType="application/vnd.openxmlformats-officedocument.spreadsheetml.sharedStrings+xml"/>
  <Override PartName="/xl/theme/theme1.xml" ContentType="application/vnd.openxmlformats-officedocument.theme+xml"/>
  <Override PartName="/xl/styles.xml" ContentType="application/vnd.openxmlformats-officedocument.spreadsheetml.styles+xml"/>
  <Override PartName="/xl/worksheets/sheet1.xml" ContentType="application/vnd.openxmlformats-officedocument.spreadsheetml.worksheet+xml"/>
  <Override PartName="/customXml/itemProps2.xml" ContentType="application/vnd.openxmlformats-officedocument.customXmlProperties+xml"/>
  <Override PartName="/customXml/itemProps1.xml" ContentType="application/vnd.openxmlformats-officedocument.customXmlProperties+xml"/>
  <Override PartName="/docProps/custom.xml" ContentType="application/vnd.openxmlformats-officedocument.custom-properties+xml"/>
  <Override PartName="/docProps/app.xml" ContentType="application/vnd.openxmlformats-officedocument.extended-properties+xml"/>
  <Override PartName="/docProps/core.xml" ContentType="application/vnd.openxmlformats-package.core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7" rupBuild="14420"/>
  <workbookPr filterPrivacy="1"/>
  <bookViews>
    <workbookView xWindow="1956" yWindow="1956" windowWidth="21600" windowHeight="11388"/>
  </bookViews>
  <sheets>
    <sheet name="Sheet1" sheetId="1" r:id="rId1"/>
  </sheets>
  <calcPr calcId="162913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430" uniqueCount="249">
  <si>
    <t>Artikelcode</t>
  </si>
  <si>
    <t>Lange omschrijving</t>
  </si>
  <si>
    <t>Omschrijving</t>
  </si>
  <si>
    <t>Minimale voorraad groothandel (verpakkingen)</t>
  </si>
  <si>
    <t>leverancier/ fabrikant/ registratiehouder</t>
  </si>
  <si>
    <t>Fabrikant artikelcodering</t>
  </si>
  <si>
    <t>aantal flacons/zakken per verpakking</t>
  </si>
  <si>
    <t>transport-verpakking breedte in cm</t>
  </si>
  <si>
    <t>transport-verpakking diepte in cm</t>
  </si>
  <si>
    <t>transport-verpakking hoogte in cm</t>
  </si>
  <si>
    <t>VOORSTE OOGKAMERSPOELING 500ML</t>
  </si>
  <si>
    <t>BSS ALCON OOGSPOELING FL 500ML</t>
  </si>
  <si>
    <t>ALCON NEDERLAND BV</t>
  </si>
  <si>
    <t>geen ATC</t>
  </si>
  <si>
    <t>GELOFUSINE INFUSIEVLOEISTOF 40MG/ML FLAC</t>
  </si>
  <si>
    <t>GELATINE GEMOD INFU 4% 500ML ECOFLAC</t>
  </si>
  <si>
    <t>B. BRAUN MEDICAL BV</t>
  </si>
  <si>
    <t>FE18513</t>
  </si>
  <si>
    <t>B05AA06</t>
  </si>
  <si>
    <t>GELOFUSINE INFUSIEVLOEISTOF 40MG/ML ZAK</t>
  </si>
  <si>
    <t>GELATINE GEMODIFICEERD INFU 4% 500ML</t>
  </si>
  <si>
    <t>FV18513</t>
  </si>
  <si>
    <t>GLUCOSE INFVLST 500MG/ML FL 100ML</t>
  </si>
  <si>
    <t>INFVLST GLUCOSUM 50% FLACON 100ML GLAS</t>
  </si>
  <si>
    <t>B05BA03</t>
  </si>
  <si>
    <t>NATRIUMCHLORIDE INFVLST   9MG/ML(0,9%) FL   100ML</t>
  </si>
  <si>
    <t>NATRIUMCHLORIDE INFU 0,9% 100ML</t>
  </si>
  <si>
    <t>B05BB01</t>
  </si>
  <si>
    <t>NATRIUMCHLORIDE INFVLST   9MG/ML(0,9%) FL   250ML</t>
  </si>
  <si>
    <t>NATRIUMCHLORIDE INFU 0,9% 250ML ECOFLAC</t>
  </si>
  <si>
    <t>NUTRIFLEX OMEGA PLUS INFUSIE EMULSIE ZAK 1875ML</t>
  </si>
  <si>
    <t>3522330N</t>
  </si>
  <si>
    <t>B05BA10</t>
  </si>
  <si>
    <t>NUTRIFLEX OMEGA PLUS INFUSIE EMULSIE ZAK 2500ML</t>
  </si>
  <si>
    <t>3522340N</t>
  </si>
  <si>
    <t>SORBITOL-MANNITOL SPOEL 2/1% 3L</t>
  </si>
  <si>
    <t>FREU918</t>
  </si>
  <si>
    <t>STEROFUNDIN ISO ZAK 500ML</t>
  </si>
  <si>
    <t>STEROFUNDIN ISO INFUSIEVLOEISTOF ECOBAG  500ML</t>
  </si>
  <si>
    <t>FV18483</t>
  </si>
  <si>
    <t>MAGNESIUMCITRAAT/NATRIUMCIT/CITROENZ BLAASSP 100ML</t>
  </si>
  <si>
    <t>UROTAINER SUBY G ZAK 100ML</t>
  </si>
  <si>
    <t>FB99839</t>
  </si>
  <si>
    <t>B05CB03</t>
  </si>
  <si>
    <t>WATER OPLOSMIDDEL PARENTERAAL FL 100ML</t>
  </si>
  <si>
    <t>WATER VOOR INJECTIE FLAC  100ML KUNSTSTOF</t>
  </si>
  <si>
    <t>V07AB</t>
  </si>
  <si>
    <t>CLINIMIX INFUSIEVLOEISTOF N14G30E ZAK 2L</t>
  </si>
  <si>
    <t>BAXTER BV</t>
  </si>
  <si>
    <t>WDB9765</t>
  </si>
  <si>
    <t>CLINIMIX INFVLST N17G35E ZAK 2000ML</t>
  </si>
  <si>
    <t>CLINIMIX INFUSIEVLOEISTOF N17G35E ZAK 2L</t>
  </si>
  <si>
    <t>WDB9785</t>
  </si>
  <si>
    <t>GLUCOSE/NACL INFVLST 25/4,5MG/ML ZAK 1000ML</t>
  </si>
  <si>
    <t>GLUCOSE 2,5%-NACL 0,45% INFU 1000ML</t>
  </si>
  <si>
    <t>WKE1024</t>
  </si>
  <si>
    <t>B05BB02</t>
  </si>
  <si>
    <t>GLUCOSE/NACL INFVLST 25/4,5MG/ML ZAK  250ML</t>
  </si>
  <si>
    <t>GLUCOSE 2,5%-NACL 0,45% INFU 250ML</t>
  </si>
  <si>
    <t>WE1022</t>
  </si>
  <si>
    <t>GLUCOSE/NACL INFVLST 25/4,5MG/ML ZAK  500ML</t>
  </si>
  <si>
    <t>GLUCOSE 2,5%-NACL 0,45% INFU 500ML</t>
  </si>
  <si>
    <t>WKE1023</t>
  </si>
  <si>
    <t>GLUCOSE INFVLST 200MG/ML ZAK 500ML</t>
  </si>
  <si>
    <t>GLUCOSE INFU 20% 500ML</t>
  </si>
  <si>
    <t>WDB0213</t>
  </si>
  <si>
    <t>GLUCOSE INFVLST  50MG/ML ZAK 1000ML</t>
  </si>
  <si>
    <t>GLUCOSE INFU 5% 1000ML</t>
  </si>
  <si>
    <t>WE0064</t>
  </si>
  <si>
    <t>GLUCOSE INFU 5% 100ML</t>
  </si>
  <si>
    <t>WE0087G</t>
  </si>
  <si>
    <t>GLUCOSE INFVLST  50MG/ML ZAK 250ML</t>
  </si>
  <si>
    <t>GLUCOSE INFU 5% 250ML</t>
  </si>
  <si>
    <t>WE0062</t>
  </si>
  <si>
    <t>GLUCOSE INFVLST  50MG/ML ZAK 500ML</t>
  </si>
  <si>
    <t>GLUCOSE INFU 5% 500ML</t>
  </si>
  <si>
    <t>WE0063</t>
  </si>
  <si>
    <t>GLUCOSE INFU 5% 50ML</t>
  </si>
  <si>
    <t>WE0086G</t>
  </si>
  <si>
    <t>GLYCINE SPOELING URETHRAAL 15MG/ML ZAK 3000ML</t>
  </si>
  <si>
    <t>GLYCINE BLAASSPOELING 1,5% 3L UROMATIC</t>
  </si>
  <si>
    <t>WKB7317</t>
  </si>
  <si>
    <t>B05CX03</t>
  </si>
  <si>
    <t>GLUCOSE INFVLST 100MG/ML ZAK 500ML</t>
  </si>
  <si>
    <t>INFVLST GLUCOSUM 100MG/ML ZAK  500ML</t>
  </si>
  <si>
    <t>WE0163</t>
  </si>
  <si>
    <t>INFVLST GLUCOSUM 100MG/ML ZAK  250ML</t>
  </si>
  <si>
    <t>WE0162</t>
  </si>
  <si>
    <t>INFVLST METRONIDAZOLUM 5MG/ML ZAK 100ML</t>
  </si>
  <si>
    <t>WE3400M</t>
  </si>
  <si>
    <t>J01XD01</t>
  </si>
  <si>
    <t>INFVLST NACL 9MG/ML NEW VIAFLO ZAK  100ML</t>
  </si>
  <si>
    <t>WE1307G</t>
  </si>
  <si>
    <t>RINGER/LACTAAT INFVLST (BAXTER/BRAUN) ZAK 500ML</t>
  </si>
  <si>
    <t>INFVLST RINGERLACTAAT BAXTER/BRAUN ZAK  500ML</t>
  </si>
  <si>
    <t>WKE2323</t>
  </si>
  <si>
    <t>RINGER/LACTAAT INFVLST (BAXTER/BRAUN) ZAK 1000ML</t>
  </si>
  <si>
    <t>INFVLST RINGERLACTAAT BAXTER/BRAUN ZAK 1000ML</t>
  </si>
  <si>
    <t>WKE2324</t>
  </si>
  <si>
    <t>WATER SPOELING 500ML</t>
  </si>
  <si>
    <t>IRRIGATIO AQUA 500ML</t>
  </si>
  <si>
    <t>TKF7113</t>
  </si>
  <si>
    <t>MANNITOL INFU 15% 100ML</t>
  </si>
  <si>
    <t>WE5021G</t>
  </si>
  <si>
    <t>B05BC01</t>
  </si>
  <si>
    <t>NATRIUMCHLORIDE INFU 0,9% 1000ML VIAFLO</t>
  </si>
  <si>
    <t>WKE1324</t>
  </si>
  <si>
    <t>NATRIUMCHLORIDE INFVLST   9MG/ML(0,9%) ZAK  250ML</t>
  </si>
  <si>
    <t>NATRIUMCHLORIDE INFU 0,9% 250ML VIAFLO</t>
  </si>
  <si>
    <t>WKE1322</t>
  </si>
  <si>
    <t>NATRIUMCHLORIDE INFU 0,9% 500ML VIAFLO</t>
  </si>
  <si>
    <t>WE1323</t>
  </si>
  <si>
    <t>NATRIUMCHLORIDE INFU 0,9% 50ML VIAFLO</t>
  </si>
  <si>
    <t>WE1306G</t>
  </si>
  <si>
    <t>NATRIUMCHLORIDE SPOELING  9MG/ML(O,9%) ZAK 3000ML</t>
  </si>
  <si>
    <t>NATRIUMCHLORIDE SPOEL 0,9% 3L  UROMATIC</t>
  </si>
  <si>
    <t>WKB7127</t>
  </si>
  <si>
    <t>NATRIUMCHLORIDE SPOELING  9MG/ML</t>
  </si>
  <si>
    <t>NATRIUMCHLORIDE SPOEL 0,9% 500ML GIETFL,</t>
  </si>
  <si>
    <t>TKF7123</t>
  </si>
  <si>
    <t>NATRIUMCHLORIDE SPOELING  9MG/ML 1000ml</t>
  </si>
  <si>
    <t>NATRIUMCHLORIDE SPOEL 0,9% GIET 1000ml</t>
  </si>
  <si>
    <t>TKF7124</t>
  </si>
  <si>
    <t>NUMETA G16%E INFUSIE EMULSIE ZAK 500ML</t>
  </si>
  <si>
    <t>NUMETA G16%E INFUSIE EMULSIE ZAK  500ML</t>
  </si>
  <si>
    <t>WDB9612</t>
  </si>
  <si>
    <t>OLIMEL INFUSIE-EMULSIE N12 ZAK 1L</t>
  </si>
  <si>
    <t>JDB3XH1E</t>
  </si>
  <si>
    <t>OLIMEL INFUSIE-EMULSIE N12E ZAK 2L</t>
  </si>
  <si>
    <t>JDB3WH1G</t>
  </si>
  <si>
    <t>OLIMEL N5E INF EMULSIE ZAK 2000ML</t>
  </si>
  <si>
    <t>OLIMEL INFUSIE-EMULSIE N5E ZAK 2L</t>
  </si>
  <si>
    <t>JDB3WK1G</t>
  </si>
  <si>
    <t>OLIMEL INFUSIE-EMULSIE N7E ZAK 1,5L</t>
  </si>
  <si>
    <t>JDB3WG1F</t>
  </si>
  <si>
    <t>OLIMEL N7E INF EMULSIE ZAK 2000ML</t>
  </si>
  <si>
    <t>OLIMEL INFUSIE-EMULSIE N7E ZAK 2L</t>
  </si>
  <si>
    <t>JDB3WG1G</t>
  </si>
  <si>
    <t>OLIMEL INFUSIE-EMULSIE N9E ZAK 1,5L</t>
  </si>
  <si>
    <t>JDB3WP1F</t>
  </si>
  <si>
    <t>OLIMEL N9E INF EMULSIE ZAK 2000ML</t>
  </si>
  <si>
    <t>JDB3WP1G</t>
  </si>
  <si>
    <t>OLIMEL PERIFEER N4E INF EMULSIE ZAK 2000ML</t>
  </si>
  <si>
    <t>OLIMEL PERIFEER INFUSIE-EMULSIE N4E ZAK 2L</t>
  </si>
  <si>
    <t>WDB3WF1G</t>
  </si>
  <si>
    <t>PRIMENE INFUSIEVLOEISTOF 10% FL 250ML</t>
  </si>
  <si>
    <t>PRIMENE INFVLST 10% FLACON 250ML</t>
  </si>
  <si>
    <t>JCA3CG133B79D</t>
  </si>
  <si>
    <t>B05BA01</t>
  </si>
  <si>
    <t>WATER SPOELING ZAK 1000ML</t>
  </si>
  <si>
    <t>UROMATIC AQUA ZAK 1000ML</t>
  </si>
  <si>
    <t>WKB7114</t>
  </si>
  <si>
    <t>WATER SPOELING ZAK 3000ML</t>
  </si>
  <si>
    <t>AKB7117</t>
  </si>
  <si>
    <t>WATER OPLOSMIDDEL PARENTERAAL ZAK 1000ML</t>
  </si>
  <si>
    <t>WATER VOOR INJECTIE ZAK 1000ML</t>
  </si>
  <si>
    <t>WE0304</t>
  </si>
  <si>
    <t>B-D POSIFLUSH WWSP XS 10ML</t>
  </si>
  <si>
    <t>NATRIUMCHLORIDE 0,9% WWSP 10ML</t>
  </si>
  <si>
    <t>BECTON-DICKINSON BV</t>
  </si>
  <si>
    <t>BD POSIFLUSH WWSP SP 10ML</t>
  </si>
  <si>
    <t>NATRIUMCHLORIDE INJE 0,9% 10ML WWSP</t>
  </si>
  <si>
    <t>NATRIUMCHLORIDE INJE 0,9% 3ML WWSP</t>
  </si>
  <si>
    <t>NATRIUMCHLORIDE INJE 0,9% 5ML WWSP</t>
  </si>
  <si>
    <t>NATRIUMCHLORIDE INFVLST   9MG/ML(0,9%) ZAK 1000ML</t>
  </si>
  <si>
    <t>NATRIUMCHLORIDE INFU 0,9% 1000ML PRIMING</t>
  </si>
  <si>
    <t>DIRINCO BV</t>
  </si>
  <si>
    <t>FORMALDEHYDE OPLO 4% 1L</t>
  </si>
  <si>
    <t>FORMALDEHYDE GEBUFFERD 4%                FRESENIUS</t>
  </si>
  <si>
    <t>FRESENIUS KABI NEDERLAND BV</t>
  </si>
  <si>
    <t>FK200007</t>
  </si>
  <si>
    <t>GLUCOSE INFVLST 100MG/ML ZAK 100ML</t>
  </si>
  <si>
    <t>INFVLST GLUCOSUM 100MG/ML ZAK  100ML</t>
  </si>
  <si>
    <t>B248434</t>
  </si>
  <si>
    <t>NATRIUMWATERSTOFCARB INFVLST 14MG/ML(1,4%)FL 100ML</t>
  </si>
  <si>
    <t>NA-BICARB INFU 1,4% (0,17MMOL/ML) 100ML</t>
  </si>
  <si>
    <t>NATRIUMWATERSTOFCARB INFVLST 42MG/ML(4,2%)FL 100ML</t>
  </si>
  <si>
    <t>NA-BICARB INFU 4,2% (0,5MMOL/ML) 100ML</t>
  </si>
  <si>
    <t>NATRIUMWATERSTOFCARB INFVLST 84MG/ML(8,4%)FL 100ML</t>
  </si>
  <si>
    <t>NA-BICARB INFU 8,4% (1MMOL/ML) 100ML</t>
  </si>
  <si>
    <t>SMOFKABIVEN INFUSIE EMULSIE ZAK  986ML</t>
  </si>
  <si>
    <t>SMOFKABIVEN INFUSIE EMULSIE ZAK 1477ML</t>
  </si>
  <si>
    <t>SMOFKABIVEN INFUSIE EMULSIE ZAK 2463ML</t>
  </si>
  <si>
    <t>HAEMOFILTR,VL,CI-CA DIALYSAAT K2 PLUS 5L</t>
  </si>
  <si>
    <t>CI-CA DIALYSATE K2 PLUS ZAK 5000ML</t>
  </si>
  <si>
    <t>FRESENIUS MEDICAL CARE NEDERLAND BV</t>
  </si>
  <si>
    <t>F00001624</t>
  </si>
  <si>
    <t>HAEMOFILTR,VL,CI-CA DIALYSAAT K4 PLUS 5L</t>
  </si>
  <si>
    <t>CI-CA DIALYSATE K4 PLUS ZAK 5000ML</t>
  </si>
  <si>
    <t>F00001625</t>
  </si>
  <si>
    <t>MULTIBIC KALIUM 2MMOL/L HEMOFILTRATIEOPL ZAK 5L</t>
  </si>
  <si>
    <t>F00007431</t>
  </si>
  <si>
    <t>B05ZB</t>
  </si>
  <si>
    <t>MULTIBIC KALIUM 4MMOL/L HEMOFILTRATIEOPL ZK 5000ML</t>
  </si>
  <si>
    <t>MULTIBIC KALIUM 4MMOL/L HEMOFILTRATIEOPL ZAK 5L</t>
  </si>
  <si>
    <t>F00007433</t>
  </si>
  <si>
    <t>TRINATRIUMCITRAAT 4% 1500ML</t>
  </si>
  <si>
    <t>E2012</t>
  </si>
  <si>
    <t>ICODEXTRINE PD-OPL 75MG/ML TWINB 2L</t>
  </si>
  <si>
    <t>EXTRANEAL PDVLST 75MG/ML TWINBAG 2000ML LUERLOCK</t>
  </si>
  <si>
    <t>Vantive B.V.</t>
  </si>
  <si>
    <t>RPB5268C</t>
  </si>
  <si>
    <t>B05D</t>
  </si>
  <si>
    <t>ICODEXTRINE PD-OPL 75MG/ML ZAK 2000ML</t>
  </si>
  <si>
    <t>EXTRANEAL PDVLST 75MG/ML ZAK 2000ML</t>
  </si>
  <si>
    <t>RPB4938RC</t>
  </si>
  <si>
    <t>NUTRINEAL PD4 PDVLST + AMINOZUUR 11G/L ZAK 2500ML</t>
  </si>
  <si>
    <t>EQPB9674RC</t>
  </si>
  <si>
    <t>PHOXILIUM 1,2MMOL/L FOSFAAT HEMOFILT/DIALOPL ZK 5L</t>
  </si>
  <si>
    <t>PHOXILIUM HEMOFILT/DIALOP 1,2MMOL/L FOSFAAT ZK 5L</t>
  </si>
  <si>
    <t>PHYSIONEAL 35 PD-OPL + GLUCOS 13,6MG/ML ZAK 2500ML</t>
  </si>
  <si>
    <t>PHYSIONEAL 35 PDVLST + GLUC 13,6MG/ML SINGLEB 2,5L</t>
  </si>
  <si>
    <t>RPB8268RC</t>
  </si>
  <si>
    <t>PHYSIONEAL 35 PD-OPL + GLUCOS 22,7MG/ML ZAK 2500ML</t>
  </si>
  <si>
    <t>PHYSIONEAL 35 PDVLST + GLUC 22,7MG/ML SINGLEB 2,5L</t>
  </si>
  <si>
    <t>RPB8269RC</t>
  </si>
  <si>
    <t>PHYSIONEAL 40 PD-OPL + GLUCOS 13,6MG/ML ZAK 5000ML</t>
  </si>
  <si>
    <t>PHYSIONEAL 40 PDVLST + GLUC 13,6MG/ML SB CLEARF 5L</t>
  </si>
  <si>
    <t>RPE8280</t>
  </si>
  <si>
    <t>PHYSIONEAL 40 PD-OPL + GLUCOS 13,6MG/ML TWINB 2L</t>
  </si>
  <si>
    <t>PHYSIONEAL 40 PDVLST + GLUC 13,6MG/ML TWIN 2L</t>
  </si>
  <si>
    <t>RPB5260</t>
  </si>
  <si>
    <t>PHYSIONEAL 40 PD-OPL + GLUCOS 13,6MG/ML ZAK 2500ML</t>
  </si>
  <si>
    <t>PHYSIONEAL 40 PDVLST + GLUC 13,6MG/ML ZAK 2,5L</t>
  </si>
  <si>
    <t>RPB5291R</t>
  </si>
  <si>
    <t>PHYSIONEAL 40 PD-OPL + GLUCOS 22,7MG/ML ZAK 5000ML</t>
  </si>
  <si>
    <t>PHYSIONEAL 40 PDVLST + GLUC 22,7MG/ML SB CLEARF 5L</t>
  </si>
  <si>
    <t>RPE8281</t>
  </si>
  <si>
    <t>PHYSIONEAL 40 PD-OPL + GLUCOS 22,7MG/ML TWINB 2L</t>
  </si>
  <si>
    <t>PHYSIONEAL 40 PDVLST + GLUC 22,7MG/ML TWIN 2L</t>
  </si>
  <si>
    <t>RPB5262</t>
  </si>
  <si>
    <t>?</t>
  </si>
  <si>
    <t>PHYSIONEAL 40 PD-OPL + GLUCOS 22,7MG/ML ZAK 2500ML</t>
  </si>
  <si>
    <t>PHYSIONEAL 40 PDVLST + GLUC 22,7MG/ML ZAK 2,5L</t>
  </si>
  <si>
    <t>RPB5293R</t>
  </si>
  <si>
    <t>PHYSIONEAL 40 PD-OPL + GLUCOS 38,6MG/ML ZAK 5000ML</t>
  </si>
  <si>
    <t>PHYSIONEAL 40 PDVLST + GLUC 38,6MG/ML SB CLEARF 5L</t>
  </si>
  <si>
    <t>RPE8282</t>
  </si>
  <si>
    <t>PHYSIONEAL 40 PD-OPL + GLUCOS 38,6MG/ML TWINB 2L</t>
  </si>
  <si>
    <t>PHYSIONEAL 40 PDVLST + GLUC 38,6MG/ML TWIN 2L</t>
  </si>
  <si>
    <t>RPB5264</t>
  </si>
  <si>
    <t>PHYSIONEAL 40 PD-OPL + GLUCOS 38,6MG/ML ZAK 2500ML</t>
  </si>
  <si>
    <t>PHYSIONEAL 40 PDVLST + GLUC 38,6MG/ML ZAK 2,5L</t>
  </si>
  <si>
    <t>RPB5296RC</t>
  </si>
  <si>
    <t>PRISMASOL 2MMOL/L KALIUM HEMOFILT/DIALOPL ZK 5L</t>
  </si>
  <si>
    <t>PRISMASOL HEMOFILT/DIALOP 2MMOL/L KALIUM ZK 5000ML</t>
  </si>
  <si>
    <t>NACL/NATRIUMCIT HEMOFILT OPL 5,03/5,29MG/ML ZK5000</t>
  </si>
  <si>
    <t>REGIOCIT HEMOFILT/DIALYSEOPL ZAK 5000ML</t>
  </si>
  <si>
    <t>ATC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mc:Ignorable="x14ac x16r2">
  <fonts count="2">
    <font>
      <sz val="11"/>
      <color theme="1"/>
      <name val="Aptos Narrow"/>
      <family val="2"/>
      <scheme val="minor"/>
    </font>
    <font>
      <sz val="11"/>
      <color rgb="FF000000"/>
      <name val="Calibri"/>
      <family val="2"/>
    </font>
  </fonts>
  <fills count="4">
    <fill>
      <patternFill patternType="none"/>
    </fill>
    <fill>
      <patternFill patternType="gray125"/>
    </fill>
    <fill>
      <patternFill patternType="solid">
        <fgColor rgb="FFBFBFBF"/>
        <bgColor rgb="FF000000"/>
      </patternFill>
    </fill>
    <fill>
      <patternFill patternType="solid">
        <fgColor rgb="FFFFFF00"/>
        <bgColor rgb="FF000000"/>
      </patternFill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6">
    <xf numFmtId="0" fontId="0" fillId="0" borderId="0" xfId="0"/>
    <xf numFmtId="0" fontId="1" fillId="2" borderId="0" xfId="0" applyFont="1" applyFill="1" applyAlignment="1">
      <alignment wrapText="1"/>
    </xf>
    <xf numFmtId="0" fontId="1" fillId="3" borderId="0" xfId="0" applyFont="1" applyFill="1" applyAlignment="1">
      <alignment wrapText="1"/>
    </xf>
    <xf numFmtId="0" fontId="1" fillId="0" borderId="0" xfId="0" applyFont="1"/>
    <xf numFmtId="0" fontId="1" fillId="0" borderId="0" xfId="0" applyFont="1" applyFill="1"/>
    <xf numFmtId="0" fontId="0" fillId="0" borderId="0" xfId="0" applyFill="1"/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K88"/>
  <sheetViews>
    <sheetView tabSelected="1" workbookViewId="0">
      <selection activeCell="B13" sqref="B13"/>
    </sheetView>
  </sheetViews>
  <sheetFormatPr defaultRowHeight="13.8"/>
  <cols>
    <col min="1" max="1" width="8.296875" bestFit="1" customWidth="1"/>
    <col min="2" max="2" width="48.5" bestFit="1" customWidth="1"/>
    <col min="3" max="3" width="47.09765625" bestFit="1" customWidth="1"/>
    <col min="5" max="5" width="33" bestFit="1" customWidth="1"/>
    <col min="11" max="11" width="8.796875" style="5"/>
  </cols>
  <sheetData>
    <row r="1" spans="1:11" ht="86.4">
      <c r="A1" s="1" t="s">
        <v>0</v>
      </c>
      <c r="B1" s="1" t="s">
        <v>1</v>
      </c>
      <c r="C1" s="1" t="s">
        <v>2</v>
      </c>
      <c r="D1" s="2" t="s">
        <v>3</v>
      </c>
      <c r="E1" s="1" t="s">
        <v>4</v>
      </c>
      <c r="F1" s="1" t="s">
        <v>5</v>
      </c>
      <c r="G1" s="1" t="s">
        <v>6</v>
      </c>
      <c r="H1" s="1" t="s">
        <v>7</v>
      </c>
      <c r="I1" s="1" t="s">
        <v>8</v>
      </c>
      <c r="J1" s="1" t="s">
        <v>9</v>
      </c>
      <c r="K1" s="1" t="s">
        <v>248</v>
      </c>
    </row>
    <row r="2" spans="1:11" ht="14.4">
      <c r="A2" s="3">
        <v>14928361</v>
      </c>
      <c r="B2" s="3" t="s">
        <v>10</v>
      </c>
      <c r="C2" s="3" t="s">
        <v>11</v>
      </c>
      <c r="D2" s="3">
        <v>15</v>
      </c>
      <c r="E2" s="3" t="s">
        <v>12</v>
      </c>
      <c r="F2" s="3">
        <v>17950062</v>
      </c>
      <c r="G2" s="3">
        <v>6</v>
      </c>
      <c r="H2" s="3"/>
      <c r="I2" s="3"/>
      <c r="J2" s="3"/>
      <c r="K2" s="4" t="s">
        <v>13</v>
      </c>
    </row>
    <row r="3" spans="1:11" ht="14.4">
      <c r="A3" s="3">
        <v>14290316</v>
      </c>
      <c r="B3" s="3" t="s">
        <v>14</v>
      </c>
      <c r="C3" s="3" t="s">
        <v>15</v>
      </c>
      <c r="D3" s="3">
        <v>41</v>
      </c>
      <c r="E3" s="3" t="s">
        <v>16</v>
      </c>
      <c r="F3" s="3" t="s">
        <v>17</v>
      </c>
      <c r="G3" s="3">
        <v>10</v>
      </c>
      <c r="H3" s="3">
        <v>29</v>
      </c>
      <c r="I3" s="3">
        <v>17</v>
      </c>
      <c r="J3" s="3">
        <v>22.8</v>
      </c>
      <c r="K3" s="4" t="s">
        <v>18</v>
      </c>
    </row>
    <row r="4" spans="1:11" ht="14.4">
      <c r="A4" s="3">
        <v>14616653</v>
      </c>
      <c r="B4" s="3" t="s">
        <v>19</v>
      </c>
      <c r="C4" s="3" t="s">
        <v>20</v>
      </c>
      <c r="D4" s="3">
        <v>18</v>
      </c>
      <c r="E4" s="3" t="s">
        <v>16</v>
      </c>
      <c r="F4" s="3" t="s">
        <v>21</v>
      </c>
      <c r="G4" s="3">
        <v>20</v>
      </c>
      <c r="H4" s="3">
        <v>38.6</v>
      </c>
      <c r="I4" s="3">
        <v>26</v>
      </c>
      <c r="J4" s="3">
        <v>23.6</v>
      </c>
      <c r="K4" s="4" t="s">
        <v>18</v>
      </c>
    </row>
    <row r="5" spans="1:11" ht="14.4">
      <c r="A5" s="3">
        <v>15211185</v>
      </c>
      <c r="B5" s="3" t="s">
        <v>22</v>
      </c>
      <c r="C5" s="3" t="s">
        <v>23</v>
      </c>
      <c r="D5" s="3">
        <v>8</v>
      </c>
      <c r="E5" s="3" t="s">
        <v>16</v>
      </c>
      <c r="F5" s="3">
        <v>3623645</v>
      </c>
      <c r="G5" s="3">
        <v>20</v>
      </c>
      <c r="H5" s="3">
        <v>25.5</v>
      </c>
      <c r="I5" s="3">
        <v>20.5</v>
      </c>
      <c r="J5" s="3">
        <v>12</v>
      </c>
      <c r="K5" s="4" t="s">
        <v>24</v>
      </c>
    </row>
    <row r="6" spans="1:11" ht="14.4">
      <c r="A6" s="3">
        <v>15395073</v>
      </c>
      <c r="B6" s="3" t="s">
        <v>25</v>
      </c>
      <c r="C6" s="3" t="s">
        <v>26</v>
      </c>
      <c r="D6" s="3">
        <v>30</v>
      </c>
      <c r="E6" s="3" t="s">
        <v>16</v>
      </c>
      <c r="F6" s="3">
        <v>3623092</v>
      </c>
      <c r="G6" s="3">
        <v>20</v>
      </c>
      <c r="H6" s="3">
        <v>25.5</v>
      </c>
      <c r="I6" s="3">
        <v>20.5</v>
      </c>
      <c r="J6" s="3">
        <v>12</v>
      </c>
      <c r="K6" s="4" t="s">
        <v>27</v>
      </c>
    </row>
    <row r="7" spans="1:11" ht="14.4">
      <c r="A7" s="3">
        <v>15616274</v>
      </c>
      <c r="B7" s="3" t="s">
        <v>28</v>
      </c>
      <c r="C7" s="3" t="s">
        <v>29</v>
      </c>
      <c r="D7" s="3">
        <v>40</v>
      </c>
      <c r="E7" s="3" t="s">
        <v>16</v>
      </c>
      <c r="F7" s="3">
        <v>393203</v>
      </c>
      <c r="G7" s="3">
        <v>10</v>
      </c>
      <c r="H7" s="3">
        <v>25.5</v>
      </c>
      <c r="I7" s="3">
        <v>16.5</v>
      </c>
      <c r="J7" s="3">
        <v>17</v>
      </c>
      <c r="K7" s="4" t="s">
        <v>27</v>
      </c>
    </row>
    <row r="8" spans="1:11" ht="14.4">
      <c r="A8" s="3">
        <v>17098734</v>
      </c>
      <c r="B8" s="3" t="s">
        <v>30</v>
      </c>
      <c r="C8" s="3" t="s">
        <v>30</v>
      </c>
      <c r="D8" s="3">
        <v>45</v>
      </c>
      <c r="E8" s="3" t="s">
        <v>16</v>
      </c>
      <c r="F8" s="3" t="s">
        <v>31</v>
      </c>
      <c r="G8" s="3">
        <v>5</v>
      </c>
      <c r="H8" s="3">
        <v>56.2</v>
      </c>
      <c r="I8" s="3">
        <v>39.299999999999997</v>
      </c>
      <c r="J8" s="3">
        <v>16.100000000000001</v>
      </c>
      <c r="K8" s="4" t="s">
        <v>32</v>
      </c>
    </row>
    <row r="9" spans="1:11" ht="14.4">
      <c r="A9" s="3">
        <v>17157722</v>
      </c>
      <c r="B9" s="3" t="s">
        <v>33</v>
      </c>
      <c r="C9" s="3" t="s">
        <v>33</v>
      </c>
      <c r="D9" s="3">
        <v>4</v>
      </c>
      <c r="E9" s="3" t="s">
        <v>16</v>
      </c>
      <c r="F9" s="3" t="s">
        <v>34</v>
      </c>
      <c r="G9" s="3">
        <v>5</v>
      </c>
      <c r="H9" s="3">
        <v>59.9</v>
      </c>
      <c r="I9" s="3">
        <v>39.299999999999997</v>
      </c>
      <c r="J9" s="3">
        <v>18.100000000000001</v>
      </c>
      <c r="K9" s="4" t="s">
        <v>32</v>
      </c>
    </row>
    <row r="10" spans="1:11" ht="14.4">
      <c r="A10" s="3">
        <v>15189120</v>
      </c>
      <c r="B10" s="3" t="s">
        <v>35</v>
      </c>
      <c r="C10" s="3" t="s">
        <v>35</v>
      </c>
      <c r="D10" s="3">
        <v>4</v>
      </c>
      <c r="E10" s="3" t="s">
        <v>16</v>
      </c>
      <c r="F10" s="3" t="s">
        <v>36</v>
      </c>
      <c r="G10" s="3">
        <v>4</v>
      </c>
      <c r="H10" s="3">
        <v>38.5</v>
      </c>
      <c r="I10" s="3">
        <v>26.5</v>
      </c>
      <c r="J10" s="3">
        <v>20</v>
      </c>
      <c r="K10" s="4" t="s">
        <v>13</v>
      </c>
    </row>
    <row r="11" spans="1:11" ht="14.4">
      <c r="A11" s="3">
        <v>15171132</v>
      </c>
      <c r="B11" s="3" t="s">
        <v>37</v>
      </c>
      <c r="C11" s="3" t="s">
        <v>38</v>
      </c>
      <c r="D11" s="3">
        <v>60</v>
      </c>
      <c r="E11" s="3" t="s">
        <v>16</v>
      </c>
      <c r="F11" s="3" t="s">
        <v>39</v>
      </c>
      <c r="G11" s="3">
        <v>20</v>
      </c>
      <c r="H11" s="3">
        <v>38.6</v>
      </c>
      <c r="I11" s="3">
        <v>26</v>
      </c>
      <c r="J11" s="3">
        <v>23.6</v>
      </c>
      <c r="K11" s="4" t="s">
        <v>27</v>
      </c>
    </row>
    <row r="12" spans="1:11" ht="14.4">
      <c r="A12" s="3">
        <v>14552140</v>
      </c>
      <c r="B12" s="3" t="s">
        <v>40</v>
      </c>
      <c r="C12" s="3" t="s">
        <v>41</v>
      </c>
      <c r="D12" s="3">
        <v>2</v>
      </c>
      <c r="E12" s="3" t="s">
        <v>16</v>
      </c>
      <c r="F12" s="3" t="s">
        <v>42</v>
      </c>
      <c r="G12" s="3">
        <v>10</v>
      </c>
      <c r="H12" s="3">
        <v>36</v>
      </c>
      <c r="I12" s="3">
        <v>18</v>
      </c>
      <c r="J12" s="3">
        <v>9</v>
      </c>
      <c r="K12" s="4" t="s">
        <v>43</v>
      </c>
    </row>
    <row r="13" spans="1:11" ht="14.4">
      <c r="A13" s="3">
        <v>14967103</v>
      </c>
      <c r="B13" s="3" t="s">
        <v>44</v>
      </c>
      <c r="C13" s="3" t="s">
        <v>45</v>
      </c>
      <c r="D13" s="3">
        <v>120</v>
      </c>
      <c r="E13" s="3" t="s">
        <v>16</v>
      </c>
      <c r="F13" s="3">
        <v>443849</v>
      </c>
      <c r="G13" s="3">
        <v>20</v>
      </c>
      <c r="H13" s="3">
        <v>27.7</v>
      </c>
      <c r="I13" s="3">
        <v>21.9</v>
      </c>
      <c r="J13" s="3">
        <v>12.8</v>
      </c>
      <c r="K13" s="4" t="s">
        <v>46</v>
      </c>
    </row>
    <row r="14" spans="1:11" ht="14.4">
      <c r="A14" s="3">
        <v>14237059</v>
      </c>
      <c r="B14" s="3" t="s">
        <v>47</v>
      </c>
      <c r="C14" s="3" t="s">
        <v>47</v>
      </c>
      <c r="D14" s="3">
        <v>5</v>
      </c>
      <c r="E14" s="3" t="s">
        <v>48</v>
      </c>
      <c r="F14" s="3" t="s">
        <v>49</v>
      </c>
      <c r="G14" s="3">
        <v>4</v>
      </c>
      <c r="H14" s="3">
        <v>18.899999999999999</v>
      </c>
      <c r="I14" s="3">
        <v>51.7</v>
      </c>
      <c r="J14" s="3">
        <v>23.6</v>
      </c>
      <c r="K14" s="4" t="s">
        <v>32</v>
      </c>
    </row>
    <row r="15" spans="1:11" ht="14.4">
      <c r="A15" s="3">
        <v>14237067</v>
      </c>
      <c r="B15" s="3" t="s">
        <v>50</v>
      </c>
      <c r="C15" s="3" t="s">
        <v>51</v>
      </c>
      <c r="D15" s="3">
        <v>7</v>
      </c>
      <c r="E15" s="3" t="s">
        <v>48</v>
      </c>
      <c r="F15" s="3" t="s">
        <v>52</v>
      </c>
      <c r="G15" s="3">
        <v>4</v>
      </c>
      <c r="H15" s="3">
        <v>18.899999999999999</v>
      </c>
      <c r="I15" s="3">
        <v>51.7</v>
      </c>
      <c r="J15" s="3">
        <v>23.6</v>
      </c>
      <c r="K15" s="4" t="s">
        <v>32</v>
      </c>
    </row>
    <row r="16" spans="1:11" ht="14.4">
      <c r="A16" s="3">
        <v>15262669</v>
      </c>
      <c r="B16" s="3" t="s">
        <v>53</v>
      </c>
      <c r="C16" s="3" t="s">
        <v>54</v>
      </c>
      <c r="D16" s="3">
        <v>15</v>
      </c>
      <c r="E16" s="3" t="s">
        <v>48</v>
      </c>
      <c r="F16" s="3" t="s">
        <v>55</v>
      </c>
      <c r="G16" s="3">
        <v>10</v>
      </c>
      <c r="H16" s="3">
        <v>29</v>
      </c>
      <c r="I16" s="3">
        <v>39</v>
      </c>
      <c r="J16" s="3">
        <v>21</v>
      </c>
      <c r="K16" s="4" t="s">
        <v>56</v>
      </c>
    </row>
    <row r="17" spans="1:11" ht="14.4">
      <c r="A17" s="3">
        <v>15262642</v>
      </c>
      <c r="B17" s="3" t="s">
        <v>57</v>
      </c>
      <c r="C17" s="3" t="s">
        <v>58</v>
      </c>
      <c r="D17" s="3">
        <v>2</v>
      </c>
      <c r="E17" s="3" t="s">
        <v>48</v>
      </c>
      <c r="F17" s="3" t="s">
        <v>59</v>
      </c>
      <c r="G17" s="3">
        <v>30</v>
      </c>
      <c r="H17" s="3">
        <v>23.4</v>
      </c>
      <c r="I17" s="3">
        <v>38.4</v>
      </c>
      <c r="J17" s="3">
        <v>23.5</v>
      </c>
      <c r="K17" s="4" t="s">
        <v>56</v>
      </c>
    </row>
    <row r="18" spans="1:11" ht="14.4">
      <c r="A18" s="3">
        <v>15262650</v>
      </c>
      <c r="B18" s="3" t="s">
        <v>60</v>
      </c>
      <c r="C18" s="3" t="s">
        <v>61</v>
      </c>
      <c r="D18" s="3">
        <v>21</v>
      </c>
      <c r="E18" s="3" t="s">
        <v>48</v>
      </c>
      <c r="F18" s="3" t="s">
        <v>62</v>
      </c>
      <c r="G18" s="3">
        <v>20</v>
      </c>
      <c r="H18" s="3">
        <v>29</v>
      </c>
      <c r="I18" s="3">
        <v>39</v>
      </c>
      <c r="J18" s="3">
        <v>21</v>
      </c>
      <c r="K18" s="4" t="s">
        <v>56</v>
      </c>
    </row>
    <row r="19" spans="1:11" ht="14.4">
      <c r="A19" s="3">
        <v>14059894</v>
      </c>
      <c r="B19" s="3" t="s">
        <v>63</v>
      </c>
      <c r="C19" s="3" t="s">
        <v>64</v>
      </c>
      <c r="D19" s="3">
        <v>6</v>
      </c>
      <c r="E19" s="3" t="s">
        <v>48</v>
      </c>
      <c r="F19" s="3" t="s">
        <v>65</v>
      </c>
      <c r="G19" s="3">
        <v>20</v>
      </c>
      <c r="H19" s="3">
        <v>30</v>
      </c>
      <c r="I19" s="3">
        <v>39</v>
      </c>
      <c r="J19" s="3">
        <v>23</v>
      </c>
      <c r="K19" s="4" t="s">
        <v>24</v>
      </c>
    </row>
    <row r="20" spans="1:11" ht="14.4">
      <c r="A20" s="3">
        <v>15262588</v>
      </c>
      <c r="B20" s="3" t="s">
        <v>66</v>
      </c>
      <c r="C20" s="3" t="s">
        <v>67</v>
      </c>
      <c r="D20" s="3">
        <v>14</v>
      </c>
      <c r="E20" s="3" t="s">
        <v>48</v>
      </c>
      <c r="F20" s="3" t="s">
        <v>68</v>
      </c>
      <c r="G20" s="3">
        <v>10</v>
      </c>
      <c r="H20" s="3">
        <v>29</v>
      </c>
      <c r="I20" s="3">
        <v>38</v>
      </c>
      <c r="J20" s="3">
        <v>20.5</v>
      </c>
      <c r="K20" s="4" t="s">
        <v>24</v>
      </c>
    </row>
    <row r="21" spans="1:11" ht="14.4">
      <c r="A21" s="3">
        <v>16643763</v>
      </c>
      <c r="B21" s="3" t="s">
        <v>69</v>
      </c>
      <c r="C21" s="3" t="s">
        <v>69</v>
      </c>
      <c r="D21" s="3">
        <v>24</v>
      </c>
      <c r="E21" s="3" t="s">
        <v>48</v>
      </c>
      <c r="F21" s="3" t="s">
        <v>70</v>
      </c>
      <c r="G21" s="3">
        <v>60</v>
      </c>
      <c r="H21" s="3">
        <v>39</v>
      </c>
      <c r="I21" s="3">
        <v>21</v>
      </c>
      <c r="J21" s="3">
        <v>21</v>
      </c>
      <c r="K21" s="4" t="s">
        <v>24</v>
      </c>
    </row>
    <row r="22" spans="1:11" ht="14.4">
      <c r="A22" s="3">
        <v>15262561</v>
      </c>
      <c r="B22" s="3" t="s">
        <v>71</v>
      </c>
      <c r="C22" s="3" t="s">
        <v>72</v>
      </c>
      <c r="D22" s="3">
        <v>12</v>
      </c>
      <c r="E22" s="3" t="s">
        <v>48</v>
      </c>
      <c r="F22" s="3" t="s">
        <v>73</v>
      </c>
      <c r="G22" s="3">
        <v>30</v>
      </c>
      <c r="H22" s="3">
        <v>23.4</v>
      </c>
      <c r="I22" s="3">
        <v>38.4</v>
      </c>
      <c r="J22" s="3">
        <v>23.5</v>
      </c>
      <c r="K22" s="4" t="s">
        <v>24</v>
      </c>
    </row>
    <row r="23" spans="1:11" ht="14.4">
      <c r="A23" s="3">
        <v>15262537</v>
      </c>
      <c r="B23" s="3" t="s">
        <v>74</v>
      </c>
      <c r="C23" s="3" t="s">
        <v>75</v>
      </c>
      <c r="D23" s="3">
        <v>15</v>
      </c>
      <c r="E23" s="3" t="s">
        <v>48</v>
      </c>
      <c r="F23" s="3" t="s">
        <v>76</v>
      </c>
      <c r="G23" s="3">
        <v>20</v>
      </c>
      <c r="H23" s="3">
        <v>29</v>
      </c>
      <c r="I23" s="3">
        <v>38</v>
      </c>
      <c r="J23" s="3">
        <v>20.5</v>
      </c>
      <c r="K23" s="4" t="s">
        <v>24</v>
      </c>
    </row>
    <row r="24" spans="1:11" ht="14.4">
      <c r="A24" s="3">
        <v>16321812</v>
      </c>
      <c r="B24" s="3" t="s">
        <v>77</v>
      </c>
      <c r="C24" s="3" t="s">
        <v>77</v>
      </c>
      <c r="D24" s="3">
        <v>26</v>
      </c>
      <c r="E24" s="3" t="s">
        <v>48</v>
      </c>
      <c r="F24" s="3" t="s">
        <v>78</v>
      </c>
      <c r="G24" s="3">
        <v>75</v>
      </c>
      <c r="H24" s="3">
        <v>19</v>
      </c>
      <c r="I24" s="3">
        <v>29</v>
      </c>
      <c r="J24" s="3">
        <v>21</v>
      </c>
      <c r="K24" s="4" t="s">
        <v>24</v>
      </c>
    </row>
    <row r="25" spans="1:11" ht="14.4">
      <c r="A25" s="3">
        <v>14569825</v>
      </c>
      <c r="B25" s="3" t="s">
        <v>79</v>
      </c>
      <c r="C25" s="3" t="s">
        <v>80</v>
      </c>
      <c r="D25" s="3">
        <v>2</v>
      </c>
      <c r="E25" s="3" t="s">
        <v>48</v>
      </c>
      <c r="F25" s="3" t="s">
        <v>81</v>
      </c>
      <c r="G25" s="3">
        <v>4</v>
      </c>
      <c r="H25" s="3">
        <v>29</v>
      </c>
      <c r="I25" s="3">
        <v>39</v>
      </c>
      <c r="J25" s="3">
        <v>23</v>
      </c>
      <c r="K25" s="4" t="s">
        <v>82</v>
      </c>
    </row>
    <row r="26" spans="1:11" ht="14.4">
      <c r="A26" s="3">
        <v>15902412</v>
      </c>
      <c r="B26" s="3" t="s">
        <v>83</v>
      </c>
      <c r="C26" s="3" t="s">
        <v>84</v>
      </c>
      <c r="D26" s="3">
        <v>6</v>
      </c>
      <c r="E26" s="3" t="s">
        <v>48</v>
      </c>
      <c r="F26" s="3" t="s">
        <v>85</v>
      </c>
      <c r="G26" s="3">
        <v>20</v>
      </c>
      <c r="H26" s="3">
        <v>29</v>
      </c>
      <c r="I26" s="3">
        <v>37</v>
      </c>
      <c r="J26" s="3">
        <v>20.5</v>
      </c>
      <c r="K26" s="4" t="s">
        <v>24</v>
      </c>
    </row>
    <row r="27" spans="1:11" ht="14.4">
      <c r="A27" s="3">
        <v>15902404</v>
      </c>
      <c r="B27" s="3" t="s">
        <v>86</v>
      </c>
      <c r="C27" s="3" t="s">
        <v>86</v>
      </c>
      <c r="D27" s="3">
        <v>180</v>
      </c>
      <c r="E27" s="3" t="s">
        <v>48</v>
      </c>
      <c r="F27" s="3" t="s">
        <v>87</v>
      </c>
      <c r="G27" s="3">
        <v>30</v>
      </c>
      <c r="H27" s="3">
        <v>23.4</v>
      </c>
      <c r="I27" s="3">
        <v>38.4</v>
      </c>
      <c r="J27" s="3">
        <v>23.5</v>
      </c>
      <c r="K27" s="4" t="s">
        <v>24</v>
      </c>
    </row>
    <row r="28" spans="1:11" ht="14.4">
      <c r="A28" s="3">
        <v>16637496</v>
      </c>
      <c r="B28" s="3" t="s">
        <v>88</v>
      </c>
      <c r="C28" s="3" t="s">
        <v>88</v>
      </c>
      <c r="D28" s="3">
        <v>28</v>
      </c>
      <c r="E28" s="3" t="s">
        <v>48</v>
      </c>
      <c r="F28" s="3" t="s">
        <v>89</v>
      </c>
      <c r="G28" s="3">
        <v>60</v>
      </c>
      <c r="H28" s="3">
        <v>29</v>
      </c>
      <c r="I28" s="3">
        <v>38</v>
      </c>
      <c r="J28" s="3">
        <v>29</v>
      </c>
      <c r="K28" s="4" t="s">
        <v>90</v>
      </c>
    </row>
    <row r="29" spans="1:11" ht="14.4">
      <c r="A29" s="3">
        <v>16643771</v>
      </c>
      <c r="B29" s="3" t="s">
        <v>26</v>
      </c>
      <c r="C29" s="3" t="s">
        <v>91</v>
      </c>
      <c r="D29" s="3">
        <v>140</v>
      </c>
      <c r="E29" s="3" t="s">
        <v>48</v>
      </c>
      <c r="F29" s="3" t="s">
        <v>92</v>
      </c>
      <c r="G29" s="3">
        <v>60</v>
      </c>
      <c r="H29" s="3">
        <v>29</v>
      </c>
      <c r="I29" s="3">
        <v>38</v>
      </c>
      <c r="J29" s="3">
        <v>22</v>
      </c>
      <c r="K29" s="4" t="s">
        <v>27</v>
      </c>
    </row>
    <row r="30" spans="1:11" ht="14.4">
      <c r="A30" s="3">
        <v>15270408</v>
      </c>
      <c r="B30" s="3" t="s">
        <v>93</v>
      </c>
      <c r="C30" s="3" t="s">
        <v>94</v>
      </c>
      <c r="D30" s="3">
        <v>120</v>
      </c>
      <c r="E30" s="3" t="s">
        <v>48</v>
      </c>
      <c r="F30" s="3" t="s">
        <v>95</v>
      </c>
      <c r="G30" s="3">
        <v>20</v>
      </c>
      <c r="H30" s="3">
        <v>29</v>
      </c>
      <c r="I30" s="3">
        <v>39</v>
      </c>
      <c r="J30" s="3">
        <v>21</v>
      </c>
      <c r="K30" s="4" t="s">
        <v>27</v>
      </c>
    </row>
    <row r="31" spans="1:11" ht="14.4">
      <c r="A31" s="3">
        <v>15270416</v>
      </c>
      <c r="B31" s="3" t="s">
        <v>96</v>
      </c>
      <c r="C31" s="3" t="s">
        <v>97</v>
      </c>
      <c r="D31" s="3">
        <v>7</v>
      </c>
      <c r="E31" s="3" t="s">
        <v>48</v>
      </c>
      <c r="F31" s="3" t="s">
        <v>98</v>
      </c>
      <c r="G31" s="3">
        <v>10</v>
      </c>
      <c r="H31" s="3">
        <v>29</v>
      </c>
      <c r="I31" s="3">
        <v>39</v>
      </c>
      <c r="J31" s="3">
        <v>21</v>
      </c>
      <c r="K31" s="4" t="s">
        <v>27</v>
      </c>
    </row>
    <row r="32" spans="1:11" ht="14.4">
      <c r="A32" s="3">
        <v>13897306</v>
      </c>
      <c r="B32" s="3" t="s">
        <v>99</v>
      </c>
      <c r="C32" s="3" t="s">
        <v>100</v>
      </c>
      <c r="D32" s="3">
        <v>45</v>
      </c>
      <c r="E32" s="3" t="s">
        <v>48</v>
      </c>
      <c r="F32" s="3" t="s">
        <v>101</v>
      </c>
      <c r="G32" s="3">
        <v>12</v>
      </c>
      <c r="H32" s="3">
        <v>22</v>
      </c>
      <c r="I32" s="3">
        <v>30</v>
      </c>
      <c r="J32" s="3">
        <v>19</v>
      </c>
      <c r="K32" s="4" t="s">
        <v>46</v>
      </c>
    </row>
    <row r="33" spans="1:11" ht="14.4">
      <c r="A33" s="3">
        <v>16906756</v>
      </c>
      <c r="B33" s="3" t="s">
        <v>102</v>
      </c>
      <c r="C33" s="3" t="s">
        <v>102</v>
      </c>
      <c r="D33" s="3">
        <v>10</v>
      </c>
      <c r="E33" s="3" t="s">
        <v>48</v>
      </c>
      <c r="F33" s="3" t="s">
        <v>103</v>
      </c>
      <c r="G33" s="3">
        <v>60</v>
      </c>
      <c r="H33" s="3">
        <v>23.4</v>
      </c>
      <c r="I33" s="3">
        <v>38.4</v>
      </c>
      <c r="J33" s="3">
        <v>23.5</v>
      </c>
      <c r="K33" s="4" t="s">
        <v>104</v>
      </c>
    </row>
    <row r="34" spans="1:11" ht="14.4">
      <c r="A34" s="3">
        <v>15262529</v>
      </c>
      <c r="B34" s="3" t="s">
        <v>105</v>
      </c>
      <c r="C34" s="3" t="s">
        <v>105</v>
      </c>
      <c r="D34" s="3">
        <v>300</v>
      </c>
      <c r="E34" s="3" t="s">
        <v>48</v>
      </c>
      <c r="F34" s="3" t="s">
        <v>106</v>
      </c>
      <c r="G34" s="3">
        <v>10</v>
      </c>
      <c r="H34" s="3">
        <v>29</v>
      </c>
      <c r="I34" s="3">
        <v>39</v>
      </c>
      <c r="J34" s="3">
        <v>21</v>
      </c>
      <c r="K34" s="4" t="s">
        <v>27</v>
      </c>
    </row>
    <row r="35" spans="1:11" ht="14.4">
      <c r="A35" s="3">
        <v>15262502</v>
      </c>
      <c r="B35" s="3" t="s">
        <v>107</v>
      </c>
      <c r="C35" s="3" t="s">
        <v>108</v>
      </c>
      <c r="D35" s="3">
        <v>275</v>
      </c>
      <c r="E35" s="3" t="s">
        <v>48</v>
      </c>
      <c r="F35" s="3" t="s">
        <v>109</v>
      </c>
      <c r="G35" s="3">
        <v>30</v>
      </c>
      <c r="H35" s="3">
        <v>29</v>
      </c>
      <c r="I35" s="3">
        <v>39</v>
      </c>
      <c r="J35" s="3">
        <v>23</v>
      </c>
      <c r="K35" s="4" t="s">
        <v>27</v>
      </c>
    </row>
    <row r="36" spans="1:11" ht="14.4">
      <c r="A36" s="3">
        <v>15262510</v>
      </c>
      <c r="B36" s="3" t="s">
        <v>110</v>
      </c>
      <c r="C36" s="3" t="s">
        <v>110</v>
      </c>
      <c r="D36" s="3">
        <v>375</v>
      </c>
      <c r="E36" s="3" t="s">
        <v>48</v>
      </c>
      <c r="F36" s="3" t="s">
        <v>111</v>
      </c>
      <c r="G36" s="3">
        <v>20</v>
      </c>
      <c r="H36" s="3">
        <v>29</v>
      </c>
      <c r="I36" s="3">
        <v>38</v>
      </c>
      <c r="J36" s="3">
        <v>20.5</v>
      </c>
      <c r="K36" s="4" t="s">
        <v>27</v>
      </c>
    </row>
    <row r="37" spans="1:11" ht="14.4">
      <c r="A37" s="3">
        <v>16321820</v>
      </c>
      <c r="B37" s="3" t="s">
        <v>112</v>
      </c>
      <c r="C37" s="3" t="s">
        <v>112</v>
      </c>
      <c r="D37" s="3">
        <v>180</v>
      </c>
      <c r="E37" s="3" t="s">
        <v>48</v>
      </c>
      <c r="F37" s="3" t="s">
        <v>113</v>
      </c>
      <c r="G37" s="3">
        <v>75</v>
      </c>
      <c r="H37" s="3">
        <v>19</v>
      </c>
      <c r="I37" s="3">
        <v>29</v>
      </c>
      <c r="J37" s="3">
        <v>21</v>
      </c>
      <c r="K37" s="4" t="s">
        <v>27</v>
      </c>
    </row>
    <row r="38" spans="1:11" ht="14.4">
      <c r="A38" s="3">
        <v>14569817</v>
      </c>
      <c r="B38" s="3" t="s">
        <v>114</v>
      </c>
      <c r="C38" s="3" t="s">
        <v>115</v>
      </c>
      <c r="D38" s="3">
        <v>125</v>
      </c>
      <c r="E38" s="3" t="s">
        <v>48</v>
      </c>
      <c r="F38" s="3" t="s">
        <v>116</v>
      </c>
      <c r="G38" s="3">
        <v>4</v>
      </c>
      <c r="H38" s="3">
        <v>29</v>
      </c>
      <c r="I38" s="3">
        <v>39</v>
      </c>
      <c r="J38" s="3">
        <v>23</v>
      </c>
      <c r="K38" s="4" t="s">
        <v>27</v>
      </c>
    </row>
    <row r="39" spans="1:11" ht="14.4">
      <c r="A39" s="3">
        <v>13897322</v>
      </c>
      <c r="B39" s="3" t="s">
        <v>117</v>
      </c>
      <c r="C39" s="3" t="s">
        <v>118</v>
      </c>
      <c r="D39" s="3">
        <v>150</v>
      </c>
      <c r="E39" s="3" t="s">
        <v>48</v>
      </c>
      <c r="F39" s="3" t="s">
        <v>119</v>
      </c>
      <c r="G39" s="3">
        <v>12</v>
      </c>
      <c r="H39" s="3">
        <v>22</v>
      </c>
      <c r="I39" s="3">
        <v>30</v>
      </c>
      <c r="J39" s="3">
        <v>19</v>
      </c>
      <c r="K39" s="4" t="s">
        <v>27</v>
      </c>
    </row>
    <row r="40" spans="1:11" ht="14.4">
      <c r="A40" s="3">
        <v>13897330</v>
      </c>
      <c r="B40" s="3" t="s">
        <v>120</v>
      </c>
      <c r="C40" s="3" t="s">
        <v>121</v>
      </c>
      <c r="D40" s="3">
        <v>150</v>
      </c>
      <c r="E40" s="3" t="s">
        <v>48</v>
      </c>
      <c r="F40" s="3" t="s">
        <v>122</v>
      </c>
      <c r="G40" s="3">
        <v>6</v>
      </c>
      <c r="H40" s="3">
        <v>17</v>
      </c>
      <c r="I40" s="3">
        <v>24</v>
      </c>
      <c r="J40" s="3">
        <v>27</v>
      </c>
      <c r="K40" s="4" t="s">
        <v>27</v>
      </c>
    </row>
    <row r="41" spans="1:11" ht="14.4">
      <c r="A41" s="3">
        <v>15702839</v>
      </c>
      <c r="B41" s="3" t="s">
        <v>123</v>
      </c>
      <c r="C41" s="3" t="s">
        <v>124</v>
      </c>
      <c r="D41" s="3">
        <v>31</v>
      </c>
      <c r="E41" s="3" t="s">
        <v>48</v>
      </c>
      <c r="F41" s="3" t="s">
        <v>125</v>
      </c>
      <c r="G41" s="3">
        <v>6</v>
      </c>
      <c r="H41" s="3">
        <v>23.5</v>
      </c>
      <c r="I41" s="3">
        <v>40.9</v>
      </c>
      <c r="J41" s="3">
        <v>16.2</v>
      </c>
      <c r="K41" s="4" t="s">
        <v>32</v>
      </c>
    </row>
    <row r="42" spans="1:11" ht="14.4">
      <c r="A42" s="3">
        <v>16801040</v>
      </c>
      <c r="B42" s="3" t="s">
        <v>126</v>
      </c>
      <c r="C42" s="3" t="s">
        <v>126</v>
      </c>
      <c r="D42" s="3">
        <v>12</v>
      </c>
      <c r="E42" s="3" t="s">
        <v>48</v>
      </c>
      <c r="F42" s="3" t="s">
        <v>127</v>
      </c>
      <c r="G42" s="3">
        <v>6</v>
      </c>
      <c r="H42" s="3">
        <v>23</v>
      </c>
      <c r="I42" s="3">
        <v>53</v>
      </c>
      <c r="J42" s="3">
        <v>14</v>
      </c>
      <c r="K42" s="4" t="s">
        <v>32</v>
      </c>
    </row>
    <row r="43" spans="1:11" ht="14.4">
      <c r="A43" s="3">
        <v>16812352</v>
      </c>
      <c r="B43" s="3" t="s">
        <v>128</v>
      </c>
      <c r="C43" s="3" t="s">
        <v>128</v>
      </c>
      <c r="D43" s="3">
        <v>8</v>
      </c>
      <c r="E43" s="3" t="s">
        <v>48</v>
      </c>
      <c r="F43" s="3" t="s">
        <v>129</v>
      </c>
      <c r="G43" s="3">
        <v>4</v>
      </c>
      <c r="H43" s="3">
        <v>23</v>
      </c>
      <c r="I43" s="3">
        <v>53</v>
      </c>
      <c r="J43" s="3">
        <v>17</v>
      </c>
      <c r="K43" s="4" t="s">
        <v>32</v>
      </c>
    </row>
    <row r="44" spans="1:11" ht="14.4">
      <c r="A44" s="3">
        <v>15611345</v>
      </c>
      <c r="B44" s="3" t="s">
        <v>130</v>
      </c>
      <c r="C44" s="3" t="s">
        <v>131</v>
      </c>
      <c r="D44" s="3">
        <v>15</v>
      </c>
      <c r="E44" s="3" t="s">
        <v>48</v>
      </c>
      <c r="F44" s="3" t="s">
        <v>132</v>
      </c>
      <c r="G44" s="3">
        <v>4</v>
      </c>
      <c r="H44" s="3">
        <v>23.3</v>
      </c>
      <c r="I44" s="3">
        <v>53.4</v>
      </c>
      <c r="J44" s="3">
        <v>17</v>
      </c>
      <c r="K44" s="4" t="s">
        <v>32</v>
      </c>
    </row>
    <row r="45" spans="1:11" ht="14.4">
      <c r="A45" s="3">
        <v>15611353</v>
      </c>
      <c r="B45" s="3" t="s">
        <v>133</v>
      </c>
      <c r="C45" s="3" t="s">
        <v>133</v>
      </c>
      <c r="D45" s="3">
        <v>4</v>
      </c>
      <c r="E45" s="3" t="s">
        <v>48</v>
      </c>
      <c r="F45" s="3" t="s">
        <v>134</v>
      </c>
      <c r="G45" s="3">
        <v>4</v>
      </c>
      <c r="H45" s="3">
        <v>23.3</v>
      </c>
      <c r="I45" s="3">
        <v>53.4</v>
      </c>
      <c r="J45" s="3">
        <v>14</v>
      </c>
      <c r="K45" s="4" t="s">
        <v>32</v>
      </c>
    </row>
    <row r="46" spans="1:11" ht="14.4">
      <c r="A46" s="3">
        <v>15611361</v>
      </c>
      <c r="B46" s="3" t="s">
        <v>135</v>
      </c>
      <c r="C46" s="3" t="s">
        <v>136</v>
      </c>
      <c r="D46" s="3">
        <v>35</v>
      </c>
      <c r="E46" s="3" t="s">
        <v>48</v>
      </c>
      <c r="F46" s="3" t="s">
        <v>137</v>
      </c>
      <c r="G46" s="3">
        <v>4</v>
      </c>
      <c r="H46" s="3">
        <v>23.3</v>
      </c>
      <c r="I46" s="3">
        <v>53.4</v>
      </c>
      <c r="J46" s="3">
        <v>17</v>
      </c>
      <c r="K46" s="4" t="s">
        <v>32</v>
      </c>
    </row>
    <row r="47" spans="1:11" ht="14.4">
      <c r="A47" s="3">
        <v>15611418</v>
      </c>
      <c r="B47" s="3" t="s">
        <v>138</v>
      </c>
      <c r="C47" s="3" t="s">
        <v>138</v>
      </c>
      <c r="D47" s="3">
        <v>3</v>
      </c>
      <c r="E47" s="3" t="s">
        <v>48</v>
      </c>
      <c r="F47" s="3" t="s">
        <v>139</v>
      </c>
      <c r="G47" s="3">
        <v>4</v>
      </c>
      <c r="H47" s="3">
        <v>23.3</v>
      </c>
      <c r="I47" s="3">
        <v>53.4</v>
      </c>
      <c r="J47" s="3">
        <v>14</v>
      </c>
      <c r="K47" s="4" t="s">
        <v>32</v>
      </c>
    </row>
    <row r="48" spans="1:11" ht="14.4">
      <c r="A48" s="3">
        <v>15611426</v>
      </c>
      <c r="B48" s="3" t="s">
        <v>140</v>
      </c>
      <c r="C48" s="3" t="s">
        <v>140</v>
      </c>
      <c r="D48" s="3">
        <v>45</v>
      </c>
      <c r="E48" s="3" t="s">
        <v>48</v>
      </c>
      <c r="F48" s="3" t="s">
        <v>141</v>
      </c>
      <c r="G48" s="3">
        <v>4</v>
      </c>
      <c r="H48" s="3">
        <v>23.3</v>
      </c>
      <c r="I48" s="3">
        <v>53.4</v>
      </c>
      <c r="J48" s="3">
        <v>17</v>
      </c>
      <c r="K48" s="4" t="s">
        <v>32</v>
      </c>
    </row>
    <row r="49" spans="1:11" ht="14.4">
      <c r="A49" s="3">
        <v>15611442</v>
      </c>
      <c r="B49" s="3" t="s">
        <v>142</v>
      </c>
      <c r="C49" s="3" t="s">
        <v>143</v>
      </c>
      <c r="D49" s="3">
        <v>30</v>
      </c>
      <c r="E49" s="3" t="s">
        <v>48</v>
      </c>
      <c r="F49" s="3" t="s">
        <v>144</v>
      </c>
      <c r="G49" s="3">
        <v>4</v>
      </c>
      <c r="H49" s="3">
        <v>23.3</v>
      </c>
      <c r="I49" s="3">
        <v>53.4</v>
      </c>
      <c r="J49" s="3">
        <v>17</v>
      </c>
      <c r="K49" s="4" t="s">
        <v>32</v>
      </c>
    </row>
    <row r="50" spans="1:11" ht="14.4">
      <c r="A50" s="3">
        <v>15110885</v>
      </c>
      <c r="B50" s="3" t="s">
        <v>145</v>
      </c>
      <c r="C50" s="3" t="s">
        <v>146</v>
      </c>
      <c r="D50" s="3">
        <v>75</v>
      </c>
      <c r="E50" s="3" t="s">
        <v>48</v>
      </c>
      <c r="F50" s="3" t="s">
        <v>147</v>
      </c>
      <c r="G50" s="3">
        <v>10</v>
      </c>
      <c r="H50" s="3">
        <v>15</v>
      </c>
      <c r="I50" s="3">
        <v>37</v>
      </c>
      <c r="J50" s="3">
        <v>15</v>
      </c>
      <c r="K50" s="4" t="s">
        <v>148</v>
      </c>
    </row>
    <row r="51" spans="1:11" ht="14.4">
      <c r="A51" s="3">
        <v>14569833</v>
      </c>
      <c r="B51" s="3" t="s">
        <v>149</v>
      </c>
      <c r="C51" s="3" t="s">
        <v>150</v>
      </c>
      <c r="D51" s="3">
        <v>8</v>
      </c>
      <c r="E51" s="3" t="s">
        <v>48</v>
      </c>
      <c r="F51" s="3" t="s">
        <v>151</v>
      </c>
      <c r="G51" s="3">
        <v>10</v>
      </c>
      <c r="H51" s="3">
        <v>29</v>
      </c>
      <c r="I51" s="3">
        <v>39</v>
      </c>
      <c r="J51" s="3">
        <v>23</v>
      </c>
      <c r="K51" s="4" t="s">
        <v>46</v>
      </c>
    </row>
    <row r="52" spans="1:11" ht="14.4">
      <c r="A52" s="3">
        <v>14571765</v>
      </c>
      <c r="B52" s="3" t="s">
        <v>152</v>
      </c>
      <c r="C52" s="3" t="s">
        <v>152</v>
      </c>
      <c r="D52" s="3">
        <v>32</v>
      </c>
      <c r="E52" s="3" t="s">
        <v>48</v>
      </c>
      <c r="F52" s="3" t="s">
        <v>153</v>
      </c>
      <c r="G52" s="3">
        <v>4</v>
      </c>
      <c r="H52" s="3">
        <v>29</v>
      </c>
      <c r="I52" s="3">
        <v>39</v>
      </c>
      <c r="J52" s="3">
        <v>23</v>
      </c>
      <c r="K52" s="4" t="s">
        <v>46</v>
      </c>
    </row>
    <row r="53" spans="1:11" ht="14.4">
      <c r="A53" s="3">
        <v>15469131</v>
      </c>
      <c r="B53" s="3" t="s">
        <v>154</v>
      </c>
      <c r="C53" s="3" t="s">
        <v>155</v>
      </c>
      <c r="D53" s="3">
        <v>18</v>
      </c>
      <c r="E53" s="3" t="s">
        <v>48</v>
      </c>
      <c r="F53" s="3" t="s">
        <v>156</v>
      </c>
      <c r="G53" s="3">
        <v>10</v>
      </c>
      <c r="H53" s="3">
        <v>29</v>
      </c>
      <c r="I53" s="3">
        <v>39</v>
      </c>
      <c r="J53" s="3">
        <v>20.5</v>
      </c>
      <c r="K53" s="4" t="s">
        <v>46</v>
      </c>
    </row>
    <row r="54" spans="1:11" ht="14.4">
      <c r="A54" s="3">
        <v>15132269</v>
      </c>
      <c r="B54" s="3" t="s">
        <v>157</v>
      </c>
      <c r="C54" s="3" t="s">
        <v>158</v>
      </c>
      <c r="D54" s="3">
        <v>4</v>
      </c>
      <c r="E54" s="3" t="s">
        <v>159</v>
      </c>
      <c r="F54" s="3">
        <v>306572</v>
      </c>
      <c r="G54" s="3">
        <v>30</v>
      </c>
      <c r="H54" s="3"/>
      <c r="I54" s="3"/>
      <c r="J54" s="3"/>
      <c r="K54" s="4" t="s">
        <v>13</v>
      </c>
    </row>
    <row r="55" spans="1:11" ht="14.4">
      <c r="A55" s="3">
        <v>15132234</v>
      </c>
      <c r="B55" s="3" t="s">
        <v>160</v>
      </c>
      <c r="C55" s="3" t="s">
        <v>161</v>
      </c>
      <c r="D55" s="3">
        <v>1500</v>
      </c>
      <c r="E55" s="3" t="s">
        <v>159</v>
      </c>
      <c r="F55" s="3">
        <v>306575</v>
      </c>
      <c r="G55" s="3">
        <v>30</v>
      </c>
      <c r="H55" s="3">
        <v>27</v>
      </c>
      <c r="I55" s="3">
        <v>41</v>
      </c>
      <c r="J55" s="3">
        <v>60</v>
      </c>
      <c r="K55" s="4" t="s">
        <v>13</v>
      </c>
    </row>
    <row r="56" spans="1:11" ht="14.4">
      <c r="A56" s="3">
        <v>15132218</v>
      </c>
      <c r="B56" s="3" t="s">
        <v>162</v>
      </c>
      <c r="C56" s="3" t="s">
        <v>162</v>
      </c>
      <c r="D56" s="3">
        <v>2</v>
      </c>
      <c r="E56" s="3" t="s">
        <v>159</v>
      </c>
      <c r="F56" s="3">
        <v>306573</v>
      </c>
      <c r="G56" s="3">
        <v>30</v>
      </c>
      <c r="H56" s="3"/>
      <c r="I56" s="3"/>
      <c r="J56" s="3"/>
      <c r="K56" s="4" t="s">
        <v>13</v>
      </c>
    </row>
    <row r="57" spans="1:11" ht="14.4">
      <c r="A57" s="3">
        <v>15132226</v>
      </c>
      <c r="B57" s="3" t="s">
        <v>163</v>
      </c>
      <c r="C57" s="3" t="s">
        <v>163</v>
      </c>
      <c r="D57" s="3">
        <v>400</v>
      </c>
      <c r="E57" s="3" t="s">
        <v>159</v>
      </c>
      <c r="F57" s="3">
        <v>306574</v>
      </c>
      <c r="G57" s="3">
        <v>30</v>
      </c>
      <c r="H57" s="3">
        <v>27</v>
      </c>
      <c r="I57" s="3">
        <v>31</v>
      </c>
      <c r="J57" s="3">
        <v>60</v>
      </c>
      <c r="K57" s="4" t="s">
        <v>13</v>
      </c>
    </row>
    <row r="58" spans="1:11" ht="14.4">
      <c r="A58" s="3">
        <v>15420469</v>
      </c>
      <c r="B58" s="3" t="s">
        <v>164</v>
      </c>
      <c r="C58" s="3" t="s">
        <v>165</v>
      </c>
      <c r="D58" s="3">
        <v>10</v>
      </c>
      <c r="E58" s="3" t="s">
        <v>166</v>
      </c>
      <c r="F58" s="3">
        <v>35050402</v>
      </c>
      <c r="G58" s="3">
        <v>1</v>
      </c>
      <c r="H58" s="3">
        <v>24</v>
      </c>
      <c r="I58" s="3">
        <v>22</v>
      </c>
      <c r="J58" s="3">
        <v>40</v>
      </c>
      <c r="K58" s="4" t="s">
        <v>27</v>
      </c>
    </row>
    <row r="59" spans="1:11" ht="14.4">
      <c r="A59" s="3">
        <v>15485854</v>
      </c>
      <c r="B59" s="3" t="s">
        <v>167</v>
      </c>
      <c r="C59" s="3" t="s">
        <v>168</v>
      </c>
      <c r="D59" s="3">
        <v>5</v>
      </c>
      <c r="E59" s="3" t="s">
        <v>169</v>
      </c>
      <c r="F59" s="3" t="s">
        <v>170</v>
      </c>
      <c r="G59" s="3">
        <v>6</v>
      </c>
      <c r="H59" s="3"/>
      <c r="I59" s="3"/>
      <c r="J59" s="3"/>
      <c r="K59" s="4" t="s">
        <v>13</v>
      </c>
    </row>
    <row r="60" spans="1:11" ht="14.4">
      <c r="A60" s="3">
        <v>16016084</v>
      </c>
      <c r="B60" s="3" t="s">
        <v>171</v>
      </c>
      <c r="C60" s="3" t="s">
        <v>172</v>
      </c>
      <c r="D60" s="3">
        <v>5</v>
      </c>
      <c r="E60" s="3" t="s">
        <v>169</v>
      </c>
      <c r="F60" s="3" t="s">
        <v>173</v>
      </c>
      <c r="G60" s="3">
        <v>50</v>
      </c>
      <c r="H60" s="3">
        <v>29</v>
      </c>
      <c r="I60" s="3">
        <v>39</v>
      </c>
      <c r="J60" s="3">
        <v>23</v>
      </c>
      <c r="K60" s="4" t="s">
        <v>13</v>
      </c>
    </row>
    <row r="61" spans="1:11" ht="14.4">
      <c r="A61" s="3">
        <v>13879421</v>
      </c>
      <c r="B61" s="3" t="s">
        <v>174</v>
      </c>
      <c r="C61" s="3" t="s">
        <v>175</v>
      </c>
      <c r="D61" s="3">
        <v>2</v>
      </c>
      <c r="E61" s="3" t="s">
        <v>169</v>
      </c>
      <c r="F61" s="3">
        <v>2356031</v>
      </c>
      <c r="G61" s="3">
        <v>10</v>
      </c>
      <c r="H61" s="3">
        <v>10</v>
      </c>
      <c r="I61" s="3">
        <v>25</v>
      </c>
      <c r="J61" s="3">
        <v>11.5</v>
      </c>
      <c r="K61" s="4" t="s">
        <v>27</v>
      </c>
    </row>
    <row r="62" spans="1:11" ht="14.4">
      <c r="A62" s="3">
        <v>13879456</v>
      </c>
      <c r="B62" s="3" t="s">
        <v>176</v>
      </c>
      <c r="C62" s="3" t="s">
        <v>177</v>
      </c>
      <c r="D62" s="3">
        <v>20</v>
      </c>
      <c r="E62" s="3" t="s">
        <v>169</v>
      </c>
      <c r="F62" s="3">
        <v>2692031</v>
      </c>
      <c r="G62" s="3">
        <v>10</v>
      </c>
      <c r="H62" s="3">
        <v>10</v>
      </c>
      <c r="I62" s="3">
        <v>25</v>
      </c>
      <c r="J62" s="3">
        <v>11.5</v>
      </c>
      <c r="K62" s="4" t="s">
        <v>27</v>
      </c>
    </row>
    <row r="63" spans="1:11" ht="14.4">
      <c r="A63" s="3">
        <v>13879464</v>
      </c>
      <c r="B63" s="3" t="s">
        <v>178</v>
      </c>
      <c r="C63" s="3" t="s">
        <v>179</v>
      </c>
      <c r="D63" s="3">
        <v>35</v>
      </c>
      <c r="E63" s="3" t="s">
        <v>169</v>
      </c>
      <c r="F63" s="3">
        <v>2357031</v>
      </c>
      <c r="G63" s="3">
        <v>10</v>
      </c>
      <c r="H63" s="3">
        <v>10</v>
      </c>
      <c r="I63" s="3">
        <v>25</v>
      </c>
      <c r="J63" s="3">
        <v>11.5</v>
      </c>
      <c r="K63" s="4" t="s">
        <v>27</v>
      </c>
    </row>
    <row r="64" spans="1:11" ht="14.4">
      <c r="A64" s="3">
        <v>15417581</v>
      </c>
      <c r="B64" s="3" t="s">
        <v>180</v>
      </c>
      <c r="C64" s="3" t="s">
        <v>180</v>
      </c>
      <c r="D64" s="3">
        <v>3</v>
      </c>
      <c r="E64" s="3" t="s">
        <v>169</v>
      </c>
      <c r="F64" s="3">
        <v>831901190</v>
      </c>
      <c r="G64" s="3">
        <v>4</v>
      </c>
      <c r="H64" s="3">
        <v>37</v>
      </c>
      <c r="I64" s="3">
        <v>43</v>
      </c>
      <c r="J64" s="3">
        <v>10</v>
      </c>
      <c r="K64" s="4" t="s">
        <v>32</v>
      </c>
    </row>
    <row r="65" spans="1:11" ht="14.4">
      <c r="A65" s="3">
        <v>15417611</v>
      </c>
      <c r="B65" s="3" t="s">
        <v>181</v>
      </c>
      <c r="C65" s="3" t="s">
        <v>181</v>
      </c>
      <c r="D65" s="3">
        <v>3</v>
      </c>
      <c r="E65" s="3" t="s">
        <v>169</v>
      </c>
      <c r="F65" s="3">
        <v>831902190</v>
      </c>
      <c r="G65" s="3">
        <v>4</v>
      </c>
      <c r="H65" s="3">
        <v>38</v>
      </c>
      <c r="I65" s="3">
        <v>53</v>
      </c>
      <c r="J65" s="3">
        <v>10</v>
      </c>
      <c r="K65" s="4" t="s">
        <v>32</v>
      </c>
    </row>
    <row r="66" spans="1:11" ht="14.4">
      <c r="A66" s="3">
        <v>15417662</v>
      </c>
      <c r="B66" s="3" t="s">
        <v>182</v>
      </c>
      <c r="C66" s="3" t="s">
        <v>182</v>
      </c>
      <c r="D66" s="3">
        <v>12</v>
      </c>
      <c r="E66" s="3" t="s">
        <v>169</v>
      </c>
      <c r="F66" s="3">
        <v>831904190</v>
      </c>
      <c r="G66" s="3">
        <v>3</v>
      </c>
      <c r="H66" s="3">
        <v>38</v>
      </c>
      <c r="I66" s="3">
        <v>59</v>
      </c>
      <c r="J66" s="3">
        <v>10</v>
      </c>
      <c r="K66" s="4" t="s">
        <v>32</v>
      </c>
    </row>
    <row r="67" spans="1:11" ht="14.4">
      <c r="A67" s="3">
        <v>15931315</v>
      </c>
      <c r="B67" s="3" t="s">
        <v>183</v>
      </c>
      <c r="C67" s="3" t="s">
        <v>184</v>
      </c>
      <c r="D67" s="3">
        <v>75</v>
      </c>
      <c r="E67" s="3" t="s">
        <v>185</v>
      </c>
      <c r="F67" s="3" t="s">
        <v>186</v>
      </c>
      <c r="G67" s="3">
        <v>2</v>
      </c>
      <c r="H67" s="3"/>
      <c r="I67" s="3"/>
      <c r="J67" s="3"/>
      <c r="K67" s="4" t="s">
        <v>13</v>
      </c>
    </row>
    <row r="68" spans="1:11" ht="14.4">
      <c r="A68" s="3">
        <v>15931323</v>
      </c>
      <c r="B68" s="3" t="s">
        <v>187</v>
      </c>
      <c r="C68" s="3" t="s">
        <v>188</v>
      </c>
      <c r="D68" s="3">
        <v>2028</v>
      </c>
      <c r="E68" s="3" t="s">
        <v>185</v>
      </c>
      <c r="F68" s="3" t="s">
        <v>189</v>
      </c>
      <c r="G68" s="3">
        <v>2</v>
      </c>
      <c r="H68" s="3"/>
      <c r="I68" s="3"/>
      <c r="J68" s="3"/>
      <c r="K68" s="4" t="s">
        <v>13</v>
      </c>
    </row>
    <row r="69" spans="1:11" ht="14.4">
      <c r="A69" s="3">
        <v>15929604</v>
      </c>
      <c r="B69" s="3" t="s">
        <v>190</v>
      </c>
      <c r="C69" s="3" t="s">
        <v>190</v>
      </c>
      <c r="D69" s="3">
        <v>62</v>
      </c>
      <c r="E69" s="3" t="s">
        <v>185</v>
      </c>
      <c r="F69" s="3" t="s">
        <v>191</v>
      </c>
      <c r="G69" s="3">
        <v>2</v>
      </c>
      <c r="H69" s="3"/>
      <c r="I69" s="3"/>
      <c r="J69" s="3"/>
      <c r="K69" s="4" t="s">
        <v>192</v>
      </c>
    </row>
    <row r="70" spans="1:11" ht="14.4">
      <c r="A70" s="3">
        <v>15930130</v>
      </c>
      <c r="B70" s="3" t="s">
        <v>193</v>
      </c>
      <c r="C70" s="3" t="s">
        <v>194</v>
      </c>
      <c r="D70" s="3">
        <v>200</v>
      </c>
      <c r="E70" s="3" t="s">
        <v>185</v>
      </c>
      <c r="F70" s="3" t="s">
        <v>195</v>
      </c>
      <c r="G70" s="3">
        <v>2</v>
      </c>
      <c r="H70" s="3"/>
      <c r="I70" s="3"/>
      <c r="J70" s="3"/>
      <c r="K70" s="4" t="s">
        <v>192</v>
      </c>
    </row>
    <row r="71" spans="1:11" ht="14.4">
      <c r="A71" s="3">
        <v>16071255</v>
      </c>
      <c r="B71" s="3" t="s">
        <v>196</v>
      </c>
      <c r="C71" s="3" t="s">
        <v>196</v>
      </c>
      <c r="D71" s="3">
        <v>92</v>
      </c>
      <c r="E71" s="3" t="s">
        <v>185</v>
      </c>
      <c r="F71" s="3" t="s">
        <v>197</v>
      </c>
      <c r="G71" s="3">
        <v>1</v>
      </c>
      <c r="H71" s="3"/>
      <c r="I71" s="3"/>
      <c r="J71" s="3"/>
      <c r="K71" s="4" t="s">
        <v>13</v>
      </c>
    </row>
    <row r="72" spans="1:11" ht="14.4">
      <c r="A72" s="3">
        <v>15018431</v>
      </c>
      <c r="B72" s="3" t="s">
        <v>198</v>
      </c>
      <c r="C72" s="3" t="s">
        <v>199</v>
      </c>
      <c r="D72" s="3">
        <v>3</v>
      </c>
      <c r="E72" s="3" t="s">
        <v>200</v>
      </c>
      <c r="F72" s="3" t="s">
        <v>201</v>
      </c>
      <c r="G72" s="3">
        <v>5</v>
      </c>
      <c r="H72" s="3">
        <v>30</v>
      </c>
      <c r="I72" s="3">
        <v>37</v>
      </c>
      <c r="J72" s="3">
        <v>21</v>
      </c>
      <c r="K72" s="4" t="s">
        <v>202</v>
      </c>
    </row>
    <row r="73" spans="1:11" ht="14.4">
      <c r="A73" s="3">
        <v>15018466</v>
      </c>
      <c r="B73" s="3" t="s">
        <v>203</v>
      </c>
      <c r="C73" s="3" t="s">
        <v>204</v>
      </c>
      <c r="D73" s="3">
        <v>3</v>
      </c>
      <c r="E73" s="3" t="s">
        <v>200</v>
      </c>
      <c r="F73" s="3" t="s">
        <v>205</v>
      </c>
      <c r="G73" s="3">
        <v>5</v>
      </c>
      <c r="H73" s="3">
        <v>29</v>
      </c>
      <c r="I73" s="3">
        <v>37</v>
      </c>
      <c r="J73" s="3">
        <v>18</v>
      </c>
      <c r="K73" s="4" t="s">
        <v>202</v>
      </c>
    </row>
    <row r="74" spans="1:11" ht="14.4">
      <c r="A74" s="3">
        <v>14703068</v>
      </c>
      <c r="B74" s="3" t="s">
        <v>206</v>
      </c>
      <c r="C74" s="3" t="s">
        <v>206</v>
      </c>
      <c r="D74" s="3">
        <v>1</v>
      </c>
      <c r="E74" s="3" t="s">
        <v>200</v>
      </c>
      <c r="F74" s="3" t="s">
        <v>207</v>
      </c>
      <c r="G74" s="3">
        <v>4</v>
      </c>
      <c r="H74" s="3">
        <v>29</v>
      </c>
      <c r="I74" s="3">
        <v>46</v>
      </c>
      <c r="J74" s="3">
        <v>17</v>
      </c>
      <c r="K74" s="4" t="s">
        <v>202</v>
      </c>
    </row>
    <row r="75" spans="1:11" ht="14.4">
      <c r="A75" s="3">
        <v>15579611</v>
      </c>
      <c r="B75" s="3" t="s">
        <v>208</v>
      </c>
      <c r="C75" s="3" t="s">
        <v>209</v>
      </c>
      <c r="D75" s="3">
        <v>25</v>
      </c>
      <c r="E75" s="3" t="s">
        <v>200</v>
      </c>
      <c r="F75" s="3">
        <v>113638</v>
      </c>
      <c r="G75" s="3">
        <v>2</v>
      </c>
      <c r="H75" s="3">
        <v>32</v>
      </c>
      <c r="I75" s="3">
        <v>24</v>
      </c>
      <c r="J75" s="3">
        <v>21</v>
      </c>
      <c r="K75" s="4" t="s">
        <v>192</v>
      </c>
    </row>
    <row r="76" spans="1:11" ht="14.4">
      <c r="A76" s="3">
        <v>14957620</v>
      </c>
      <c r="B76" s="3" t="s">
        <v>210</v>
      </c>
      <c r="C76" s="3" t="s">
        <v>211</v>
      </c>
      <c r="D76" s="3">
        <v>4</v>
      </c>
      <c r="E76" s="3" t="s">
        <v>200</v>
      </c>
      <c r="F76" s="3" t="s">
        <v>212</v>
      </c>
      <c r="G76" s="3">
        <v>4</v>
      </c>
      <c r="H76" s="3">
        <v>29</v>
      </c>
      <c r="I76" s="3">
        <v>46</v>
      </c>
      <c r="J76" s="3">
        <v>17</v>
      </c>
      <c r="K76" s="4" t="s">
        <v>202</v>
      </c>
    </row>
    <row r="77" spans="1:11" ht="14.4">
      <c r="A77" s="3">
        <v>14957655</v>
      </c>
      <c r="B77" s="3" t="s">
        <v>213</v>
      </c>
      <c r="C77" s="3" t="s">
        <v>214</v>
      </c>
      <c r="D77" s="3">
        <v>4</v>
      </c>
      <c r="E77" s="3" t="s">
        <v>200</v>
      </c>
      <c r="F77" s="3" t="s">
        <v>215</v>
      </c>
      <c r="G77" s="3">
        <v>4</v>
      </c>
      <c r="H77" s="3">
        <v>29</v>
      </c>
      <c r="I77" s="3">
        <v>46</v>
      </c>
      <c r="J77" s="3">
        <v>17</v>
      </c>
      <c r="K77" s="4" t="s">
        <v>202</v>
      </c>
    </row>
    <row r="78" spans="1:11" ht="14.4">
      <c r="A78" s="3">
        <v>15342603</v>
      </c>
      <c r="B78" s="3" t="s">
        <v>216</v>
      </c>
      <c r="C78" s="3" t="s">
        <v>217</v>
      </c>
      <c r="D78" s="3">
        <v>8</v>
      </c>
      <c r="E78" s="3" t="s">
        <v>200</v>
      </c>
      <c r="F78" s="3" t="s">
        <v>218</v>
      </c>
      <c r="G78" s="3">
        <v>2</v>
      </c>
      <c r="H78" s="3">
        <v>29</v>
      </c>
      <c r="I78" s="3">
        <v>37</v>
      </c>
      <c r="J78" s="3">
        <v>17</v>
      </c>
      <c r="K78" s="4" t="s">
        <v>202</v>
      </c>
    </row>
    <row r="79" spans="1:11" ht="14.4">
      <c r="A79" s="3">
        <v>15355195</v>
      </c>
      <c r="B79" s="3" t="s">
        <v>219</v>
      </c>
      <c r="C79" s="3" t="s">
        <v>220</v>
      </c>
      <c r="D79" s="3">
        <v>3</v>
      </c>
      <c r="E79" s="3" t="s">
        <v>200</v>
      </c>
      <c r="F79" s="3" t="s">
        <v>221</v>
      </c>
      <c r="G79" s="3">
        <v>5</v>
      </c>
      <c r="H79" s="3">
        <v>38</v>
      </c>
      <c r="I79" s="3">
        <v>29</v>
      </c>
      <c r="J79" s="3">
        <v>23</v>
      </c>
      <c r="K79" s="4" t="s">
        <v>202</v>
      </c>
    </row>
    <row r="80" spans="1:11" ht="14.4">
      <c r="A80" s="3">
        <v>14614375</v>
      </c>
      <c r="B80" s="3" t="s">
        <v>222</v>
      </c>
      <c r="C80" s="3" t="s">
        <v>223</v>
      </c>
      <c r="D80" s="3">
        <v>8</v>
      </c>
      <c r="E80" s="3" t="s">
        <v>200</v>
      </c>
      <c r="F80" s="3" t="s">
        <v>224</v>
      </c>
      <c r="G80" s="3">
        <v>4</v>
      </c>
      <c r="H80" s="3">
        <v>29</v>
      </c>
      <c r="I80" s="3">
        <v>47</v>
      </c>
      <c r="J80" s="3">
        <v>17</v>
      </c>
      <c r="K80" s="4" t="s">
        <v>202</v>
      </c>
    </row>
    <row r="81" spans="1:11" ht="14.4">
      <c r="A81" s="3">
        <v>15342611</v>
      </c>
      <c r="B81" s="3" t="s">
        <v>225</v>
      </c>
      <c r="C81" s="3" t="s">
        <v>226</v>
      </c>
      <c r="D81" s="3">
        <v>10</v>
      </c>
      <c r="E81" s="3" t="s">
        <v>200</v>
      </c>
      <c r="F81" s="3" t="s">
        <v>227</v>
      </c>
      <c r="G81" s="3">
        <v>2</v>
      </c>
      <c r="H81" s="3">
        <v>29</v>
      </c>
      <c r="I81" s="3">
        <v>37</v>
      </c>
      <c r="J81" s="3">
        <v>17</v>
      </c>
      <c r="K81" s="4" t="s">
        <v>202</v>
      </c>
    </row>
    <row r="82" spans="1:11" ht="14.4">
      <c r="A82" s="3">
        <v>14583607</v>
      </c>
      <c r="B82" s="3" t="s">
        <v>228</v>
      </c>
      <c r="C82" s="3" t="s">
        <v>229</v>
      </c>
      <c r="D82" s="3">
        <v>3</v>
      </c>
      <c r="E82" s="3" t="s">
        <v>200</v>
      </c>
      <c r="F82" s="3" t="s">
        <v>230</v>
      </c>
      <c r="G82" s="3">
        <v>4</v>
      </c>
      <c r="H82" s="3" t="s">
        <v>231</v>
      </c>
      <c r="I82" s="3" t="s">
        <v>231</v>
      </c>
      <c r="J82" s="3" t="s">
        <v>231</v>
      </c>
      <c r="K82" s="4" t="s">
        <v>202</v>
      </c>
    </row>
    <row r="83" spans="1:11" ht="14.4">
      <c r="A83" s="3">
        <v>14614391</v>
      </c>
      <c r="B83" s="3" t="s">
        <v>232</v>
      </c>
      <c r="C83" s="3" t="s">
        <v>233</v>
      </c>
      <c r="D83" s="3">
        <v>7</v>
      </c>
      <c r="E83" s="3" t="s">
        <v>200</v>
      </c>
      <c r="F83" s="3" t="s">
        <v>234</v>
      </c>
      <c r="G83" s="3">
        <v>4</v>
      </c>
      <c r="H83" s="3">
        <v>29</v>
      </c>
      <c r="I83" s="3">
        <v>46</v>
      </c>
      <c r="J83" s="3">
        <v>17</v>
      </c>
      <c r="K83" s="4" t="s">
        <v>202</v>
      </c>
    </row>
    <row r="84" spans="1:11" ht="14.4">
      <c r="A84" s="3">
        <v>15342638</v>
      </c>
      <c r="B84" s="3" t="s">
        <v>235</v>
      </c>
      <c r="C84" s="3" t="s">
        <v>236</v>
      </c>
      <c r="D84" s="3">
        <v>8</v>
      </c>
      <c r="E84" s="3" t="s">
        <v>200</v>
      </c>
      <c r="F84" s="3" t="s">
        <v>237</v>
      </c>
      <c r="G84" s="3">
        <v>2</v>
      </c>
      <c r="H84" s="3">
        <v>29</v>
      </c>
      <c r="I84" s="3">
        <v>37</v>
      </c>
      <c r="J84" s="3">
        <v>17</v>
      </c>
      <c r="K84" s="4" t="s">
        <v>202</v>
      </c>
    </row>
    <row r="85" spans="1:11" ht="14.4">
      <c r="A85" s="3">
        <v>15355217</v>
      </c>
      <c r="B85" s="3" t="s">
        <v>238</v>
      </c>
      <c r="C85" s="3" t="s">
        <v>239</v>
      </c>
      <c r="D85" s="3">
        <v>2</v>
      </c>
      <c r="E85" s="3" t="s">
        <v>200</v>
      </c>
      <c r="F85" s="3" t="s">
        <v>240</v>
      </c>
      <c r="G85" s="3">
        <v>5</v>
      </c>
      <c r="H85" s="3">
        <v>29</v>
      </c>
      <c r="I85" s="3">
        <v>46</v>
      </c>
      <c r="J85" s="3">
        <v>20</v>
      </c>
      <c r="K85" s="4" t="s">
        <v>202</v>
      </c>
    </row>
    <row r="86" spans="1:11" ht="14.4">
      <c r="A86" s="3">
        <v>14614405</v>
      </c>
      <c r="B86" s="3" t="s">
        <v>241</v>
      </c>
      <c r="C86" s="3" t="s">
        <v>242</v>
      </c>
      <c r="D86" s="3">
        <v>4</v>
      </c>
      <c r="E86" s="3" t="s">
        <v>200</v>
      </c>
      <c r="F86" s="3" t="s">
        <v>243</v>
      </c>
      <c r="G86" s="3">
        <v>4</v>
      </c>
      <c r="H86" s="3">
        <v>29</v>
      </c>
      <c r="I86" s="3">
        <v>46</v>
      </c>
      <c r="J86" s="3">
        <v>17</v>
      </c>
      <c r="K86" s="4" t="s">
        <v>202</v>
      </c>
    </row>
    <row r="87" spans="1:11" ht="14.4">
      <c r="A87" s="3">
        <v>14907232</v>
      </c>
      <c r="B87" s="3" t="s">
        <v>244</v>
      </c>
      <c r="C87" s="3" t="s">
        <v>245</v>
      </c>
      <c r="D87" s="3">
        <v>6</v>
      </c>
      <c r="E87" s="3" t="s">
        <v>200</v>
      </c>
      <c r="F87" s="3">
        <v>112085</v>
      </c>
      <c r="G87" s="3">
        <v>2</v>
      </c>
      <c r="H87" s="3">
        <v>32</v>
      </c>
      <c r="I87" s="3">
        <v>24</v>
      </c>
      <c r="J87" s="3">
        <v>20</v>
      </c>
      <c r="K87" s="4" t="s">
        <v>192</v>
      </c>
    </row>
    <row r="88" spans="1:11" ht="14.4">
      <c r="A88" s="3">
        <v>16265440</v>
      </c>
      <c r="B88" s="3" t="s">
        <v>246</v>
      </c>
      <c r="C88" s="3" t="s">
        <v>247</v>
      </c>
      <c r="D88" s="3">
        <v>5</v>
      </c>
      <c r="E88" s="3" t="s">
        <v>200</v>
      </c>
      <c r="F88" s="3">
        <v>955120</v>
      </c>
      <c r="G88" s="3">
        <v>2</v>
      </c>
      <c r="H88" s="3">
        <v>24</v>
      </c>
      <c r="I88" s="3">
        <v>32</v>
      </c>
      <c r="J88" s="3">
        <v>21</v>
      </c>
      <c r="K88" s="4" t="s">
        <v>192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05E04F4A3665A488EF8AEA9E7CFE490" ma:contentTypeVersion="13" ma:contentTypeDescription="Een nieuw document maken." ma:contentTypeScope="" ma:versionID="6dab0a24b7c3f8d22d670df3ee63c133">
  <xsd:schema xmlns:xsd="http://www.w3.org/2001/XMLSchema" xmlns:xs="http://www.w3.org/2001/XMLSchema" xmlns:p="http://schemas.microsoft.com/office/2006/metadata/properties" xmlns:ns2="6894bd4a-9fae-4877-937a-1f2da115dd57" xmlns:ns3="7fca0781-ade3-4db6-bb9d-e400c83f7c5e" targetNamespace="http://schemas.microsoft.com/office/2006/metadata/properties" ma:root="true" ma:fieldsID="b781fed0506afbfcaa354859215423f3" ns2:_="" ns3:_="">
    <xsd:import namespace="6894bd4a-9fae-4877-937a-1f2da115dd57"/>
    <xsd:import namespace="7fca0781-ade3-4db6-bb9d-e400c83f7c5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894bd4a-9fae-4877-937a-1f2da115dd5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5" nillable="true" ma:taxonomy="true" ma:internalName="lcf76f155ced4ddcb4097134ff3c332f" ma:taxonomyFieldName="MediaServiceImageTags" ma:displayName="Afbeeldingtags" ma:readOnly="false" ma:fieldId="{5cf76f15-5ced-4ddc-b409-7134ff3c332f}" ma:taxonomyMulti="true" ma:sspId="e63458cd-ce2d-47d3-a8fb-aba961f6e93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fca0781-ade3-4db6-bb9d-e400c83f7c5e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ec6c2be-a90a-4a84-9a5e-a179670d7a32}" ma:internalName="TaxCatchAll" ma:showField="CatchAllData" ma:web="7fca0781-ade3-4db6-bb9d-e400c83f7c5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fca0781-ade3-4db6-bb9d-e400c83f7c5e" xsi:nil="true"/>
    <lcf76f155ced4ddcb4097134ff3c332f xmlns="6894bd4a-9fae-4877-937a-1f2da115dd57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4AA36A76-3B54-468A-BBF8-2CAC56C26734}">
  <ds:schemaRefs/>
</ds:datastoreItem>
</file>

<file path=customXml/itemProps2.xml><?xml version="1.0" encoding="utf-8"?>
<ds:datastoreItem xmlns:ds="http://schemas.openxmlformats.org/officeDocument/2006/customXml" ds:itemID="{57BDFBEA-AC99-494E-B4AC-B406D5E20D32}">
  <ds:schemaRefs/>
</ds:datastoreItem>
</file>

<file path=customXml/itemProps3.xml><?xml version="1.0" encoding="utf-8"?>
<ds:datastoreItem xmlns:ds="http://schemas.openxmlformats.org/officeDocument/2006/customXml" ds:itemID="{E7168875-F97B-435F-80CA-90618A487EAE}"/>
</file>

<file path=customXml/itemProps4.xml><?xml version="1.0" encoding="utf-8"?>
<ds:datastoreItem xmlns:ds="http://schemas.openxmlformats.org/officeDocument/2006/customXml" ds:itemID="{423B531A-C661-4F2B-94AA-E0AAD6082D1B}"/>
</file>

<file path=customXml/itemProps5.xml><?xml version="1.0" encoding="utf-8"?>
<ds:datastoreItem xmlns:ds="http://schemas.openxmlformats.org/officeDocument/2006/customXml" ds:itemID="{E02C03F1-F375-47CF-8FD8-B03F6D4CAC7C}"/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Sheet1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8-07T11:56:15Z</dcterms:created>
  <dcterms:modified xsi:type="dcterms:W3CDTF">2024-08-22T12:03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970965601778925958</vt:lpwstr>
  </property>
  <property fmtid="{D5CDD505-2E9C-101B-9397-08002B2CF9AE}" pid="4" name="TemplafyUserProfileId">
    <vt:lpwstr>637737928869729877</vt:lpwstr>
  </property>
  <property fmtid="{D5CDD505-2E9C-101B-9397-08002B2CF9AE}" pid="5" name="TemplafyFromBlank">
    <vt:bool>true</vt:bool>
  </property>
  <property fmtid="{D5CDD505-2E9C-101B-9397-08002B2CF9AE}" pid="6" name="ContentTypeId">
    <vt:lpwstr>0x010100C05E04F4A3665A488EF8AEA9E7CFE490</vt:lpwstr>
  </property>
</Properties>
</file>